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9. ŠZM pre intervenčnú kardiológiu na uzáver skratov a dutín\PTK\"/>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21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55" i="8" l="1"/>
  <c r="E47" i="8" l="1"/>
  <c r="E42" i="8"/>
  <c r="E37" i="8" l="1"/>
</calcChain>
</file>

<file path=xl/sharedStrings.xml><?xml version="1.0" encoding="utf-8"?>
<sst xmlns="http://schemas.openxmlformats.org/spreadsheetml/2006/main" count="337" uniqueCount="22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10.</t>
  </si>
  <si>
    <t>11.</t>
  </si>
  <si>
    <t>12.</t>
  </si>
  <si>
    <t>13.</t>
  </si>
  <si>
    <t>14.</t>
  </si>
  <si>
    <t>15.</t>
  </si>
  <si>
    <t>16.</t>
  </si>
  <si>
    <t>17.</t>
  </si>
  <si>
    <t>xxx</t>
  </si>
  <si>
    <t>18.</t>
  </si>
  <si>
    <t>19.</t>
  </si>
  <si>
    <t>20.</t>
  </si>
  <si>
    <t>21.</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4.1</t>
  </si>
  <si>
    <t>4.2</t>
  </si>
  <si>
    <t>4.3</t>
  </si>
  <si>
    <t>4.4</t>
  </si>
  <si>
    <t>3.1</t>
  </si>
  <si>
    <t>3.2</t>
  </si>
  <si>
    <t>3.3</t>
  </si>
  <si>
    <t>3.4</t>
  </si>
  <si>
    <t>3.5</t>
  </si>
  <si>
    <t>3</t>
  </si>
  <si>
    <t>4</t>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r>
      <t xml:space="preserve">Merná jednotka
</t>
    </r>
    <r>
      <rPr>
        <sz val="10"/>
        <color theme="1"/>
        <rFont val="Arial"/>
        <family val="2"/>
        <charset val="238"/>
      </rPr>
      <t>(MJ)</t>
    </r>
  </si>
  <si>
    <t>Položka č. 1</t>
  </si>
  <si>
    <t>Položka č. 2</t>
  </si>
  <si>
    <t>Položka č. 3</t>
  </si>
  <si>
    <t>Áno - 5 častí</t>
  </si>
  <si>
    <r>
      <t>Predmet zákazky je rozdelený na 5 samostatných častí</t>
    </r>
    <r>
      <rPr>
        <sz val="10"/>
        <rFont val="Arial"/>
        <family val="2"/>
        <charset val="238"/>
      </rPr>
      <t>.</t>
    </r>
  </si>
  <si>
    <t>špeciálny zdravotnícky materiál pre intervenčnú kardiológiu so zameraním na perkutánne implantovateľné telieska (okludéry) zo samoexpandovateľného materiálu pre uzáver vrodených a získaných defektov predsieňového septa -  jednoduchých (ASD) aj viacpočetných (ASD-MF) perkutánnou cestou u indikovaných pacientov s významným ľavo-pravým skratom, alebo vysokým rizikom recidívy cievnej mozgovej príhody a kontraindikáciou dlhodobej antikoagulačnej liečby,</t>
  </si>
  <si>
    <t xml:space="preserve">požaduje sa škála oklúderov v minimálne 20 rôznych veľkostiach s ohľadom na tvarovú rôznorodosť anatómie septa (septum secundum) v rozmedzí od 4 do 40mm pre jednoduché defekty predsieňového septa, </t>
  </si>
  <si>
    <t xml:space="preserve">požaduje sa škála oklúderov minimálne 5 rôznych veľkostiach v rozmedzí od 18 do 40mm pre viacpočetné defekty predsieňového septa,  </t>
  </si>
  <si>
    <t xml:space="preserve">okludéry musia byť určené pre septum s hrúbkou až do 4mm. </t>
  </si>
  <si>
    <t xml:space="preserve">Položka č. 2 - Kalibračný balónikový katéter (príslušenstvo) </t>
  </si>
  <si>
    <t>určený na meranie veľkosti defektu v minimálne 2 rôznych veľkostiach od 20 do 40mm s RTG značkami.</t>
  </si>
  <si>
    <t xml:space="preserve">1. </t>
  </si>
  <si>
    <t>špeciálny zdravotnícky materiál pre intervenčnú kardiológiu so zameraním na perkutánne implantovateľné telieska (okludéry) zo samoexpandovateľného materiálu pre uzáver patentného foramen ovale (PFO) u indikovaných pacientov s vysokým rizikom recidívy cievnej mozgovej príhody a kontraindikáciou dlhodobej antikoagulačnej liečby,</t>
  </si>
  <si>
    <t>požaduje sa škála okludérov v minimálne 4 rôznych veľkostiach s ohľadom na tvarovú rôznorodosť anatómie septa (septum primum) v rozmedzí od 18 do 35mm. Spojenie diskov okludéra pre PFO uzáver musí umožňovať voľný pohyb diskov a septa.</t>
  </si>
  <si>
    <t>Položka č. 4 - Vodič (príslušenstvo)</t>
  </si>
  <si>
    <t xml:space="preserve">vodič určený na dosiahnutie defektu s dĺžkou až do 300cm. </t>
  </si>
  <si>
    <t xml:space="preserve">Položka č. 5 - Zavádzací a výmenný systém (príslušenstvo) </t>
  </si>
  <si>
    <t xml:space="preserve">zavádzací a výmenný systém špeciálne určený na zavedenie okludéra. </t>
  </si>
  <si>
    <t>Služby spojené s implantáciou špeciálneho zdravotníckeho materiálu (ďalej len "ŠZM") počas trvania zmluvného vzťahu, ktoré musia byť zahrnuté v cene ŠZM:</t>
  </si>
  <si>
    <t>špeciálny zdravotnícky materiál pre intervenčnú kardiológiu so zameraním na perkutánne implantovateľné telieska (okludéry) zo samoexpandovateľného materiálu pre uzáver vrodených a získaných srdcových skratov a defektov perkutánnou cestou - defektov komorového septa membranóznych (VSD-MEMB), muskulárnych (VSD-MUSC) a poinfarktových (VSD- MUSC-PI) u indikovaných pacientov s významnou hemodynamickou závažnosťou defektu, vysokým rizikom vzniku infekčnej endokarditídy, pľúcnej hypertenzie a srdcového zlyhávania,</t>
  </si>
  <si>
    <t>požaduje sa škála okludérov v minimálne 15 rôznych veľkostiach s ohľadom na tvarovú rôznorodosť anatómie septa v rozmedzí od 4 do 18 mm pre membranózne defekty komorového septa (VSD-MEMB),</t>
  </si>
  <si>
    <t xml:space="preserve">požaduje sa škála okludérov v minimálne 8 rôznych veľkostiach v rozmedzí od 4 do 18 mm pre muskulárne defekty komorového septa (VSD-MUSC), </t>
  </si>
  <si>
    <t>požaduje sa škála okludérov v minimálne 5 rôznych veľkostiach v rozmedzí od 16 do 24 mm pre poinfarktové muskulárne defekty komorového septa (VSD-MUSC- Pl),</t>
  </si>
  <si>
    <t>okluzory sú určené pre septum s hrúbkou až do 10mm.</t>
  </si>
  <si>
    <t>Položka č. 2 - Vodič (príslušenstvo)</t>
  </si>
  <si>
    <t>Položka č. 3 - Zavádzací a výmenný systém (príslušenstvo)</t>
  </si>
  <si>
    <t>požaduje sa oklúzny systém indikovaný na uzáver uška ľavej predsiene zavádzaný perkutánne katetrizačnou metódou,</t>
  </si>
  <si>
    <t>požaduje sa samo-tvarovateľný a samo-expandovateľný systém,</t>
  </si>
  <si>
    <t xml:space="preserve">požaduje sa plne reponibilná schopnosť systému, </t>
  </si>
  <si>
    <t xml:space="preserve">uzáver musí pozostávať: </t>
  </si>
  <si>
    <t xml:space="preserve">z nitinolového materiálu z dvoch častí: z disku a tela uzáveru opatreného nitinolovými háčikmi, </t>
  </si>
  <si>
    <t xml:space="preserve">vo veľkosti uzáveru od 16 do 34mm,  </t>
  </si>
  <si>
    <t xml:space="preserve">dĺžka tela uzáveru od 7,5 do 10mm, </t>
  </si>
  <si>
    <t>priemer disku od 22 do 44mm,</t>
  </si>
  <si>
    <t xml:space="preserve">systém musí byť opatrený prvkami umožňujúcimi RTG vizualizáciu. </t>
  </si>
  <si>
    <t>Položka č. 2 - Vodiaci drôt (príslušenstvo)</t>
  </si>
  <si>
    <t>určený na zavedenie uzáveru do uška ľavej predsiene.</t>
  </si>
  <si>
    <t>Položka č. 3 - Zavádzací systém (príslušenstvo)</t>
  </si>
  <si>
    <t>ovládateľný zavádzací systém pre oklúzory uška ľavej predsiene,</t>
  </si>
  <si>
    <t>možnosť vychýlenia distálnej časti zavádzača v dvoch rovinách v rozsahu 0-120°,</t>
  </si>
  <si>
    <t>14F veľkosť zavádzača akomoduje všetky veľkosti oklúderov,</t>
  </si>
  <si>
    <t>integrovaná pasívna hemostatická chlopňa pre minimalizáciu straty krvi.</t>
  </si>
  <si>
    <t>Časť č. 4 - Špeciálny zdravotnícky materiál pre intervenčnú kardiológiu so zreteľom na katetrizačný uzáver paravalvulárneho leaku</t>
  </si>
  <si>
    <t>Položka č. 1 - Okludér</t>
  </si>
  <si>
    <t xml:space="preserve">špeciálny zdravotnícky materiál pre intervenčnú kardiológiu so zameraním na perkutánne implantovateľné telieska (okludéry) zo samoexpandovateľného materiálu pre uzáver paravalvulárneho leaku u indikovaných pacientov s významnou hemodynamickou závažnosťou leaku a rizikom srdcového zlyhávania, </t>
  </si>
  <si>
    <t>požaduje sa škála okludérov v minimálne 8 rôznych veľkostiach s ohľadom na tvarovú rôznorodosť paravalvulárnych leakov  v rozmedzí aspoň od 2 do 5 mm pre šírku a 5 mm až 12 mm dĺžku leaku.</t>
  </si>
  <si>
    <t xml:space="preserve">požaduje sa, aby uchádzač zabezpečil pred prvou implantáciou ŠZM odborné zaškolenie pre maximálne troch lekárov verejného obstarávateľa v školiacom zariadení (pracovisko, ktoré vykonáva implantácie ŠZM) a to najneskôr 30 kalendárnych dní pred prvou implantáciou, ktorému bude po zaškolení školiacim zariadením vydané potvrdenie o zaškolení, </t>
  </si>
  <si>
    <t>požaduje sa, aby v prípade výmeny okludéra z dôvodu nevyhovujúcej pozície počas implantácie za inú veľkosť – tzv. missizing, bol nevyhovujúci okludér plne dobropisovaný uchádzačom, verejný obstarávateľ je povinný k objednávke týkajúca sa vymeneného okluzora priložiť vždy správu o výkone, v ktorej bude potreba výmeny riadne zaznamenaná a odôvodnená.</t>
  </si>
  <si>
    <t>Časť č. 5 - Špeciálny zdravotnícky materiál pre intervenčnú kardiológiu so zreteľom na katetrizačný uzáver perzistujúceho ductus arteriosus</t>
  </si>
  <si>
    <t xml:space="preserve">špeciálny zdravotnícky materiál pre intervenčnú kardiológiu so zameraním na perkutánne implantovateľné telieska (okludéry) zo samoexpandovateľného materiálu pre uzáver perzistujúceho ductus arteriosus u indikovaných pacientov s významnou hemodynamickou závažnosťou defektu, vysokým rizikom vzniku infekčnej endokarditídy, pľúcnej hypertenzie a srdcového zlyhávania, </t>
  </si>
  <si>
    <t>požaduje sa škála okludérov v minimálne 8 rôznych veľkostiach s ohľadom na tvarovú rôznorodosť perzistujúceho ductus arteriosus – šírky aspoň do 5 mm a dĺžky aspoň do 10 mm.</t>
  </si>
  <si>
    <t xml:space="preserve">vodič určený na dosiahnutie defektu s dĺžkou až do 250cm. </t>
  </si>
  <si>
    <t>požaduje sa, aby uchádzač zabezpečil pred prvou implantáciou ŠZM odborné zaškolenie pre maximálne troch lekárov verejného obstarávateľa v školiacom zariadení (pracovisko, ktoré vykonáva implantácie ŠZM) a to najneskôr 30 kalendárnych dní pred prvou implantáciou, ktorému bude po zaškolení školiacim zariadením  vydané potvrdenie o zaškolení,</t>
  </si>
  <si>
    <t xml:space="preserve">požaduje sa, aby uchádzač zabezpečil v školiacom zariadení (pracovisko, ktoré vykonáva implantácie ŠZM) medicínsko - technickú podporu zahŕňajúcu zabezpečenie školiteľa - lekára s implantačnými skúsenosťami VSD, resp. technického špecialistu pri výkone ako aj telefonické konzultácie pre maximalizáciu úspešnosti implantácií realizovaných verejným obstarávateľom,  </t>
  </si>
  <si>
    <t>Položka č. 1 – Okludér</t>
  </si>
  <si>
    <t xml:space="preserve">špeciálny zdravotnícky materiál pre intervenčnú kardiológiu so zameraním na perkutánne implantovateľné telieska (okludéry) zo samoexpandovateľného materiálu pre uzáver perzistujúceho ductus arteriosus  u indikovaných pacientov s významnou hemodynamickou závažnosťou defektu, vysokým rizikom vzniku infekčnej endokarditídy, pľúcnej hypertenzie a srdcového zlyhávania, </t>
  </si>
  <si>
    <t xml:space="preserve">Služby spojené s implantáciou špeciálneho zdravotníckeho materiálu (ďalej len "ŠZM") počas trvania zmluvného vzťahu, ktoré musia byť zahrnuté v cene ŠZM:
</t>
  </si>
  <si>
    <t xml:space="preserve">požaduje sa, aby uchádzač zabezpečil pred prvou implantáciou ŠZM odborné zaškolenie pre maximálne troch lekárov verejného obstarávateľa v školiacom zariadení (pracovisko, ktoré vykonáva implantácie ŠZM) a to najneskôr 30 kalendárnych dní pred prvou implantáciou, ktorému bude po zaškolení školiacim zariadením  vydané potvrdenie o zaškolení, </t>
  </si>
  <si>
    <t xml:space="preserve">požaduje sa, aby uchádzač zabezpečil v školiacom zariadení (pracovisko, ktoré vykonáva implantácie ŠZM) medicínsko - technickú podporu zahŕňajúcu zabezpečenie školiteľa - lekára s implantačnými skúsenosťami PDA, resp. technického špecialistu pri výkone ako aj telefonické konzultácie pre maximalizáciu úspešnosti implantácií realizovaných verejným obstarávateľom,   </t>
  </si>
  <si>
    <t>2</t>
  </si>
  <si>
    <t>Špeciálny zdravotnícky materiá pre intervenčnú kardiológiu so zreteľom na uzávery skratov a dutín</t>
  </si>
  <si>
    <t>Špeciálny zdravotnícky materiá pre intervenčnú kardiológiu so zreteľom na uzávery skratov a dutín.</t>
  </si>
  <si>
    <t xml:space="preserve">Kalibračný balónikový katéter (príslušenstvo) </t>
  </si>
  <si>
    <t>Vodič (príslušenstvo)</t>
  </si>
  <si>
    <t xml:space="preserve">Zavádzací a výmenný systém (príslušenstvo) </t>
  </si>
  <si>
    <t>Položka č. 4</t>
  </si>
  <si>
    <t>Položka č. 5</t>
  </si>
  <si>
    <t xml:space="preserve"> Chlopňový okludér</t>
  </si>
  <si>
    <t>Okludér defektov predsieňového septa</t>
  </si>
  <si>
    <t xml:space="preserve">Okludér defektov perzistujúceho foramen ovale </t>
  </si>
  <si>
    <t>SPOLU</t>
  </si>
  <si>
    <t>Položka č. 1 - Okludér defektov predsieňového septa</t>
  </si>
  <si>
    <t xml:space="preserve">Položka č. 3 - Okludér defektov perzistujúci foramen ovale </t>
  </si>
  <si>
    <r>
      <t xml:space="preserve">požaduje sa, aby uchádzač zabezpečil v školiacom zariadení (pracovisko, ktoré vykonáva implantácie ŠZM) medicínsko-technickú podporu zahŕňajúcu zabezpečenie školiteľa - lekára s </t>
    </r>
    <r>
      <rPr>
        <sz val="10"/>
        <color theme="1"/>
        <rFont val="Arial"/>
        <family val="2"/>
        <charset val="238"/>
      </rPr>
      <t xml:space="preserve">implantačnými skúsenosťami ASD </t>
    </r>
    <r>
      <rPr>
        <sz val="10"/>
        <rFont val="Arial"/>
        <family val="2"/>
        <charset val="238"/>
      </rPr>
      <t xml:space="preserve">a PFO, resp. technického špecialistu pri výkone ako aj telefonické konzultácie pre maximalizáciu úspešnosti implantácií realizovaných verejným obstarávateľom, </t>
    </r>
  </si>
  <si>
    <t>požaduje sa, aby v prípade výmeny okludéra z dôvodu nevyhovujúcej pozície počas implantácie za inú veľkosť - tzv. missizing, bol nevyhovujúci okludér plne dobropisovaný uchádzačom, verejný obstarávateľ je povinný k objednávke týkajúca sa vymeneného okludéra priložiť vždy správu o výkone, v ktorej bude potreba výmeny riadne zaznamenaná a odôvodnená.</t>
  </si>
  <si>
    <r>
      <t xml:space="preserve">Položka č. 1 – Okludér </t>
    </r>
    <r>
      <rPr>
        <b/>
        <sz val="10"/>
        <rFont val="Arial"/>
        <family val="2"/>
        <charset val="238"/>
      </rPr>
      <t>defektov komorovného septa</t>
    </r>
  </si>
  <si>
    <t>požaduje sa, aby uchádzač zabezpečil v školiacom zariadení (pracovisko, ktoré vykonáva implantácie ŠZM) medicínsko-technickú podporu zahŕňajúcu zabezpečenie školiteľa - lekára s implantačnými skúsenosťami LAAO, resp. technického špecialistu pri výkone ako aj konzultácie a periprocedurálne merania uška ľavej predsiene pre maximalizáciu úspešnosti implantácií realizovaných verejným obstarávateľom,</t>
  </si>
  <si>
    <t>požaduje sa, aby v prípade výmeny okluzora z dôvodu nevyhovujúcej pozície počas implantácie za inú veľkosť – tzv. missizing, bol nevyhovujúci okluzor plne dobropisovaný uchádzačom, verejný obstarávateľ je povinný k objednávke týkajúca sa vymeneného okluzora priložiť vždy správu o výkone, v ktorej bude potreba výmeny riadne zaznamenaná a odôvodnená.</t>
  </si>
  <si>
    <t xml:space="preserve">Okludér </t>
  </si>
  <si>
    <t>Časť č. 2 - Špeciálny zdravotnícky materiál pre intervenčnú kardiológiu so zreteľom na katetrizačný uzáver defektov komorového septa s príslušenstvom</t>
  </si>
  <si>
    <t>Časť č. 3 - Špeciálny zdravotnícky materiál pre intervenčnú kardiológiu so zreteľom na perkutánne implantovateľné uzávery uška ľavej predsiene s príslušenstvom</t>
  </si>
  <si>
    <t>Časť č. 5 - Špeciálny zdravotnícky materiál pre intervenčnú kardiológiu so zreteľom na katetrizačný uzáver perzistujúceho ductus arteriosus s príslušenstvom</t>
  </si>
  <si>
    <t xml:space="preserve">požaduje sa, aby uchádzač zabezpečil v školiacom zariadení (pracovisko, ktoré vykonáva implantácie ŠZM) medicínsko - technickú podporu zahŕňajúcu zabezpečenie školiteľa - lekára s implantačnými skúsenosťami (uzáver perzistujúceho ductus arteriosus), resp. technického špecialistu pri výkone ako aj telefonické konzultácie pre maximalizáciu úspešnosti implantácií realizovaných verejným obstarávateľom,  </t>
  </si>
  <si>
    <t xml:space="preserve">Časť č. 3 - Špeciálny zdravotnícky materiál pre intervenčnú kardiológiu so zreteľom na perkutánne implantovateľné uzávery uška ľavej predsiene s príslušenstvom </t>
  </si>
  <si>
    <t xml:space="preserve">požaduje sa, aby uchádzač zabezpečil v školiacom zariadení (pracovisko, ktoré vykonáva implantácie ŠZM) medicínsko - technickú podporu zahŕňajúcu zabezpečenie školiteľa - lekára s implantačnými skúsenosťami (uzáver paravalvulárneho leaku), resp. technického špecialistu pri výkone ako aj telefonické konzultácie pre maximalizáciu úspešnosti implantácií realizovaných verejným obstarávateľom, </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poskytovanie služieb spojených s implantáciou tovaru počas trvania zmluvného vzťahu, ktoré sú bližšie špecifikované v Technickej špecifikácii predmetu zákazky.</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13.1</t>
  </si>
  <si>
    <t>22.</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r>
      <rPr>
        <b/>
        <sz val="10"/>
        <color theme="1"/>
        <rFont val="Arial"/>
        <family val="2"/>
        <charset val="238"/>
      </rPr>
      <t>Zoznam školiacich zariaden</t>
    </r>
    <r>
      <rPr>
        <sz val="10"/>
        <color theme="1"/>
        <rFont val="Arial"/>
        <family val="2"/>
        <charset val="238"/>
      </rPr>
      <t xml:space="preserve">í, ktoré budú k dispozícii na realizovanie požadovaného odborného zaškolenia pre lekárov určených verejným obstarávateľom. </t>
    </r>
  </si>
  <si>
    <t xml:space="preserve">5. </t>
  </si>
  <si>
    <t xml:space="preserve">Požaduje sa, aby uchádzač zabezpečil v školiacom zariadení (pracovisko, ktoré vykonáva implantácie ŠZM) medicínsko-technickú podporu zahŕňajúcu zabezpečenie školiteľa - lekára s implantačnými skúsenosťami, resp. technického špecialistu pri výkone ako aj telefonické konzultácie pre maximalizáciu úspešnosti implantácií realizovaných verejným obstarávateľom.
Na preukázanie splnenia verejným obstarávateľom stanovenej požiadavky sa požaduje predložiť (pre každú časť predmetu zákazky, do ktorej predkladá uchádzač svoju ponuku samostatne):
5.1 uchádzačom vystavený a ním potvrdený Zoznam školiteľov – lekárov s implantačnými skúsenosťami s uvedením týchto údajov: 
- meno, priezvisko a titul školiteľa,
- jazyk, v ktorom bude možné so školiteľom komunikovať, 
- telefonický kontakt na školiteľa,  
- elektronický (e-mailový kontakt) na školiteľa.                                                                                                                       
</t>
  </si>
  <si>
    <t>Požaduje sa, aby v prípade výmeny okluzora z dôvodu nevyhovujúcej pozície počas implantácie za inú veľkosť – tzv. missizing, bol nevyhovujúci okluzor plne dobropisovaný uchádzačom, verejný obstarávateľ je povinný k objednávke týkajúca sa vymeneného okluzora priložiť vždy správu o výkone, v ktorej bude potreba výmeny riadne zaznamenaná a odôvodnená.</t>
  </si>
  <si>
    <t>Okludér defektov komorového septa</t>
  </si>
  <si>
    <t>33111730-7 Potreby pre angioplastiku</t>
  </si>
  <si>
    <t>33141200-2 Katétre</t>
  </si>
  <si>
    <t>33141240-4 Príslušenstvo ku katétrom</t>
  </si>
  <si>
    <t xml:space="preserve">Požadovaný počet MJ na obdobie 36 mesiacov
</t>
  </si>
  <si>
    <t>Časť č. 4 - Špeciálny zdravotnícky materiál pre intervenčnú kardiológiu so zreteľom na katetrizačný uzáver perzistujúceho ductus arteriosus</t>
  </si>
  <si>
    <t>Časť č. 1 - Špeciálny zdravotnícky materiál pre intervenčnú kardiológiu so zreteľom na katetrizačný uzáver defektu predsieňového septa a perzistujúceho foramen ovale s príslušenstvom</t>
  </si>
  <si>
    <t>Požaduje sa uzatvorenie rámcovej dohody, a to na na dohodnuté zmluvné obdobie tridsaťšesť (36) kalendárnych mesiacov, resp. do doby naplnenia zmluvného finančného objemu podľa toho, ktorá z uvedených skutočností nastane skôr.</t>
  </si>
  <si>
    <t>Časť č. 1 - Špeciálny zdravotnícky materiál so zreteľom na katetrizačný uzáver defektu predsieňového septa a perzistujúceho foramen ovale s príslušenstv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u/>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medium">
        <color auto="1"/>
      </left>
      <right style="thin">
        <color auto="1"/>
      </right>
      <top/>
      <bottom style="medium">
        <color auto="1"/>
      </bottom>
      <diagonal/>
    </border>
    <border>
      <left style="thin">
        <color auto="1"/>
      </left>
      <right style="medium">
        <color indexed="64"/>
      </right>
      <top/>
      <bottom style="thin">
        <color auto="1"/>
      </bottom>
      <diagonal/>
    </border>
    <border>
      <left style="thin">
        <color auto="1"/>
      </left>
      <right style="medium">
        <color indexed="64"/>
      </right>
      <top/>
      <bottom/>
      <diagonal/>
    </border>
    <border>
      <left style="medium">
        <color auto="1"/>
      </left>
      <right/>
      <top style="thin">
        <color auto="1"/>
      </top>
      <bottom style="thin">
        <color auto="1"/>
      </bottom>
      <diagonal/>
    </border>
    <border>
      <left style="thin">
        <color auto="1"/>
      </left>
      <right style="thin">
        <color auto="1"/>
      </right>
      <top/>
      <bottom style="medium">
        <color indexed="64"/>
      </bottom>
      <diagonal/>
    </border>
    <border>
      <left style="thin">
        <color auto="1"/>
      </left>
      <right style="thin">
        <color auto="1"/>
      </right>
      <top style="medium">
        <color auto="1"/>
      </top>
      <bottom style="thin">
        <color indexed="64"/>
      </bottom>
      <diagonal/>
    </border>
    <border>
      <left style="dotted">
        <color auto="1"/>
      </left>
      <right style="medium">
        <color indexed="64"/>
      </right>
      <top/>
      <bottom style="medium">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auto="1"/>
      </left>
      <right style="thin">
        <color auto="1"/>
      </right>
      <top/>
      <bottom style="dotted">
        <color indexed="64"/>
      </bottom>
      <diagonal/>
    </border>
    <border>
      <left style="dotted">
        <color auto="1"/>
      </left>
      <right style="medium">
        <color auto="1"/>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7"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3"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9"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49" fontId="2" fillId="0" borderId="22" xfId="0" applyNumberFormat="1" applyFont="1" applyBorder="1" applyAlignment="1">
      <alignment horizontal="center" vertical="center"/>
    </xf>
    <xf numFmtId="49" fontId="4" fillId="0" borderId="33" xfId="0" applyNumberFormat="1" applyFont="1" applyFill="1" applyBorder="1" applyAlignment="1">
      <alignment horizontal="left" vertical="center" wrapText="1"/>
    </xf>
    <xf numFmtId="0" fontId="2" fillId="0" borderId="23" xfId="0" applyNumberFormat="1" applyFont="1" applyBorder="1" applyAlignment="1">
      <alignment vertical="center" wrapText="1"/>
    </xf>
    <xf numFmtId="0" fontId="2" fillId="0" borderId="33" xfId="0" applyNumberFormat="1" applyFont="1" applyBorder="1" applyAlignment="1">
      <alignment vertical="center" wrapText="1"/>
    </xf>
    <xf numFmtId="0" fontId="7" fillId="0" borderId="35"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4" fillId="0" borderId="12" xfId="0" applyNumberFormat="1" applyFont="1" applyFill="1" applyBorder="1" applyAlignment="1">
      <alignment vertical="center" wrapText="1"/>
    </xf>
    <xf numFmtId="0" fontId="2" fillId="0" borderId="33" xfId="0" applyNumberFormat="1" applyFont="1" applyBorder="1" applyAlignment="1">
      <alignment horizontal="center" vertical="center" wrapText="1"/>
    </xf>
    <xf numFmtId="0" fontId="2" fillId="0" borderId="34" xfId="0" applyNumberFormat="1" applyFont="1" applyBorder="1" applyAlignment="1">
      <alignment horizontal="center" vertical="center" wrapText="1"/>
    </xf>
    <xf numFmtId="0" fontId="13" fillId="0" borderId="12" xfId="0" applyFont="1" applyBorder="1" applyAlignment="1">
      <alignment vertical="center"/>
    </xf>
    <xf numFmtId="0" fontId="13" fillId="0" borderId="12" xfId="0" applyFont="1" applyBorder="1" applyAlignment="1">
      <alignment vertical="center" wrapText="1"/>
    </xf>
    <xf numFmtId="49" fontId="2" fillId="0" borderId="22" xfId="0" applyNumberFormat="1" applyFont="1" applyBorder="1" applyAlignment="1">
      <alignment horizontal="right" vertical="center"/>
    </xf>
    <xf numFmtId="49" fontId="2" fillId="0" borderId="9" xfId="0" applyNumberFormat="1" applyFont="1" applyBorder="1" applyAlignment="1">
      <alignment horizontal="center" vertical="center" wrapText="1"/>
    </xf>
    <xf numFmtId="49" fontId="2" fillId="0" borderId="37" xfId="0" applyNumberFormat="1" applyFont="1" applyBorder="1" applyAlignment="1">
      <alignment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0" fontId="2" fillId="0" borderId="41" xfId="0" applyFont="1" applyFill="1" applyBorder="1" applyAlignment="1">
      <alignment horizontal="left" vertical="center" wrapText="1"/>
    </xf>
    <xf numFmtId="49" fontId="2" fillId="0" borderId="36"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2" fillId="0" borderId="28" xfId="0" applyFont="1" applyFill="1" applyBorder="1" applyAlignment="1">
      <alignment horizontal="center" vertical="center" wrapText="1"/>
    </xf>
    <xf numFmtId="0" fontId="2" fillId="0" borderId="42" xfId="0" applyFont="1" applyFill="1" applyBorder="1" applyAlignment="1">
      <alignment horizontal="left" vertical="center" wrapText="1"/>
    </xf>
    <xf numFmtId="49" fontId="2" fillId="0" borderId="43" xfId="0" applyNumberFormat="1" applyFont="1" applyFill="1" applyBorder="1" applyAlignment="1">
      <alignment horizontal="center" vertical="center" wrapText="1"/>
    </xf>
    <xf numFmtId="0" fontId="2" fillId="0" borderId="44"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38"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37" xfId="0" applyNumberFormat="1" applyFont="1" applyBorder="1" applyAlignment="1">
      <alignment horizontal="left" vertical="center" wrapText="1"/>
    </xf>
    <xf numFmtId="49" fontId="2" fillId="0" borderId="37" xfId="0" applyNumberFormat="1" applyFont="1" applyBorder="1" applyAlignment="1">
      <alignment horizontal="center" vertical="center" wrapText="1"/>
    </xf>
    <xf numFmtId="49" fontId="14" fillId="0" borderId="21" xfId="0" applyNumberFormat="1" applyFont="1" applyBorder="1" applyAlignment="1">
      <alignment horizontal="left"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0" borderId="12" xfId="0" applyFont="1" applyFill="1" applyBorder="1" applyAlignment="1">
      <alignment horizontal="left" vertical="top" wrapText="1"/>
    </xf>
    <xf numFmtId="0" fontId="2" fillId="0" borderId="12" xfId="0" applyFont="1" applyFill="1" applyBorder="1" applyAlignment="1">
      <alignment horizontal="center" vertical="top" wrapText="1"/>
    </xf>
    <xf numFmtId="0" fontId="2" fillId="0" borderId="5" xfId="0" applyFont="1" applyFill="1" applyBorder="1" applyAlignment="1">
      <alignment vertical="top" wrapText="1"/>
    </xf>
    <xf numFmtId="0" fontId="2" fillId="0" borderId="6" xfId="0" applyFont="1" applyFill="1" applyBorder="1" applyAlignment="1">
      <alignment vertical="top" wrapText="1"/>
    </xf>
    <xf numFmtId="3" fontId="2" fillId="0" borderId="45" xfId="0" applyNumberFormat="1" applyFont="1" applyBorder="1" applyAlignment="1">
      <alignment horizontal="center" vertical="center" wrapText="1"/>
    </xf>
    <xf numFmtId="0" fontId="2" fillId="0" borderId="46" xfId="0" applyFont="1" applyBorder="1" applyAlignment="1">
      <alignment vertical="center" wrapText="1"/>
    </xf>
    <xf numFmtId="3" fontId="2" fillId="0" borderId="47"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47" xfId="0" applyFont="1" applyFill="1" applyBorder="1" applyAlignment="1">
      <alignment horizontal="center" vertical="center" wrapText="1"/>
    </xf>
    <xf numFmtId="0" fontId="2" fillId="0" borderId="0" xfId="0" applyFont="1" applyBorder="1" applyAlignment="1">
      <alignment vertical="center" wrapText="1"/>
    </xf>
    <xf numFmtId="0" fontId="3" fillId="0" borderId="47" xfId="0" applyFont="1" applyBorder="1" applyAlignment="1">
      <alignment horizontal="center" vertical="center" wrapText="1"/>
    </xf>
    <xf numFmtId="0" fontId="4" fillId="0" borderId="41"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4" fillId="7" borderId="50"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51"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13" fillId="7" borderId="0" xfId="0" applyFont="1" applyFill="1" applyBorder="1" applyAlignment="1">
      <alignment horizontal="justify" vertical="center"/>
    </xf>
    <xf numFmtId="0" fontId="4" fillId="7" borderId="12"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22"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0" fontId="4" fillId="7" borderId="23" xfId="0" applyFont="1" applyFill="1" applyBorder="1" applyAlignment="1">
      <alignment horizontal="left" vertical="center" wrapText="1"/>
    </xf>
    <xf numFmtId="49" fontId="2" fillId="0" borderId="43" xfId="0" applyNumberFormat="1" applyFont="1" applyFill="1" applyBorder="1" applyAlignment="1">
      <alignment horizontal="right" vertical="center" wrapText="1"/>
    </xf>
    <xf numFmtId="49" fontId="2" fillId="0" borderId="55" xfId="0" applyNumberFormat="1" applyFont="1" applyFill="1" applyBorder="1" applyAlignment="1">
      <alignment horizontal="right" vertical="center" wrapText="1"/>
    </xf>
    <xf numFmtId="49" fontId="2" fillId="0" borderId="54" xfId="0" applyNumberFormat="1" applyFont="1" applyFill="1" applyBorder="1" applyAlignment="1">
      <alignment horizontal="right" vertical="center" wrapText="1"/>
    </xf>
    <xf numFmtId="49" fontId="2" fillId="0" borderId="52" xfId="0" applyNumberFormat="1" applyFont="1" applyFill="1" applyBorder="1" applyAlignment="1">
      <alignment horizontal="right" vertical="center" wrapText="1"/>
    </xf>
    <xf numFmtId="49" fontId="2" fillId="0" borderId="53" xfId="0" applyNumberFormat="1" applyFont="1" applyFill="1" applyBorder="1" applyAlignment="1">
      <alignment horizontal="center" vertical="center" wrapText="1"/>
    </xf>
    <xf numFmtId="0" fontId="4" fillId="0" borderId="12" xfId="0" applyFont="1" applyFill="1" applyBorder="1" applyAlignment="1">
      <alignment horizontal="left" vertical="top" wrapText="1"/>
    </xf>
    <xf numFmtId="0" fontId="13" fillId="0" borderId="0" xfId="0" applyFont="1" applyBorder="1" applyAlignment="1">
      <alignment vertical="center" wrapText="1"/>
    </xf>
    <xf numFmtId="49" fontId="10" fillId="0" borderId="9" xfId="0" applyNumberFormat="1" applyFont="1" applyBorder="1" applyAlignment="1">
      <alignment horizontal="left"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49" fontId="2" fillId="0" borderId="6" xfId="0" applyNumberFormat="1" applyFont="1" applyBorder="1" applyAlignment="1">
      <alignment vertical="center" wrapText="1"/>
    </xf>
    <xf numFmtId="49" fontId="2" fillId="0" borderId="8" xfId="0" applyNumberFormat="1" applyFont="1" applyBorder="1" applyAlignment="1">
      <alignment horizontal="right" vertical="center"/>
    </xf>
    <xf numFmtId="49" fontId="2" fillId="0" borderId="8" xfId="0" applyNumberFormat="1" applyFont="1" applyFill="1" applyBorder="1" applyAlignment="1">
      <alignment horizontal="center" vertical="center"/>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22" xfId="0" applyNumberFormat="1" applyFont="1" applyFill="1" applyBorder="1" applyAlignment="1">
      <alignment horizontal="center" vertical="center" wrapText="1"/>
    </xf>
    <xf numFmtId="49" fontId="2" fillId="0" borderId="52"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56" xfId="0" applyFont="1" applyFill="1" applyBorder="1" applyAlignment="1">
      <alignment horizontal="center" vertical="center" wrapText="1"/>
    </xf>
    <xf numFmtId="0" fontId="2" fillId="0" borderId="0" xfId="0" applyFont="1" applyBorder="1" applyAlignment="1">
      <alignment horizontal="left" vertical="center" wrapText="1"/>
    </xf>
    <xf numFmtId="16" fontId="5" fillId="0" borderId="0" xfId="0" applyNumberFormat="1" applyFont="1" applyFill="1" applyAlignment="1">
      <alignment horizontal="left" vertical="top" wrapText="1"/>
    </xf>
    <xf numFmtId="0" fontId="2" fillId="0" borderId="45" xfId="0" applyFont="1" applyBorder="1" applyAlignment="1">
      <alignment horizontal="left" vertical="center" wrapText="1"/>
    </xf>
    <xf numFmtId="0" fontId="4" fillId="7" borderId="0" xfId="0" applyFont="1" applyFill="1" applyAlignment="1">
      <alignment horizontal="left" vertical="center" wrapText="1"/>
    </xf>
    <xf numFmtId="0" fontId="3" fillId="0" borderId="46" xfId="0" applyFont="1" applyBorder="1" applyAlignment="1">
      <alignment horizontal="left" vertical="center" wrapText="1"/>
    </xf>
    <xf numFmtId="0" fontId="3" fillId="0" borderId="48" xfId="0" applyFont="1" applyBorder="1" applyAlignment="1">
      <alignment horizontal="left" vertical="center" wrapText="1"/>
    </xf>
    <xf numFmtId="3" fontId="3" fillId="0" borderId="49"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49" fontId="3" fillId="0" borderId="39" xfId="0" applyNumberFormat="1" applyFont="1" applyBorder="1" applyAlignment="1">
      <alignment horizontal="left" vertical="center"/>
    </xf>
    <xf numFmtId="49" fontId="3" fillId="0" borderId="6" xfId="0" applyNumberFormat="1" applyFont="1" applyBorder="1" applyAlignment="1">
      <alignment horizontal="left" vertical="center"/>
    </xf>
    <xf numFmtId="0" fontId="3" fillId="3" borderId="46"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47" xfId="0"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0" borderId="39" xfId="0" applyNumberFormat="1" applyFont="1" applyFill="1" applyBorder="1" applyAlignment="1">
      <alignment horizontal="left" vertical="center" wrapText="1"/>
    </xf>
    <xf numFmtId="49" fontId="5" fillId="0" borderId="6"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39" xfId="0" applyNumberFormat="1" applyFont="1" applyBorder="1" applyAlignment="1">
      <alignment horizontal="left" vertical="center" wrapText="1"/>
    </xf>
    <xf numFmtId="49" fontId="3" fillId="0" borderId="6" xfId="0" applyNumberFormat="1" applyFont="1" applyBorder="1" applyAlignment="1">
      <alignment horizontal="left" vertical="center" wrapText="1"/>
    </xf>
    <xf numFmtId="49" fontId="3" fillId="5" borderId="39" xfId="0" applyNumberFormat="1" applyFont="1" applyFill="1" applyBorder="1" applyAlignment="1">
      <alignment horizontal="left" vertical="center" wrapText="1"/>
    </xf>
    <xf numFmtId="49" fontId="3" fillId="5" borderId="26" xfId="0" applyNumberFormat="1" applyFont="1" applyFill="1" applyBorder="1" applyAlignment="1">
      <alignment horizontal="left" vertical="center" wrapText="1"/>
    </xf>
    <xf numFmtId="49" fontId="3" fillId="5" borderId="27" xfId="0" applyNumberFormat="1" applyFont="1" applyFill="1" applyBorder="1" applyAlignment="1">
      <alignment horizontal="left" vertical="center" wrapText="1"/>
    </xf>
    <xf numFmtId="49" fontId="3" fillId="0" borderId="39" xfId="0" applyNumberFormat="1" applyFont="1" applyBorder="1" applyAlignment="1">
      <alignment horizontal="left" vertical="top" wrapText="1"/>
    </xf>
    <xf numFmtId="49" fontId="3" fillId="0" borderId="6" xfId="0" applyNumberFormat="1" applyFont="1" applyBorder="1" applyAlignment="1">
      <alignment horizontal="left" vertical="top" wrapText="1"/>
    </xf>
    <xf numFmtId="0" fontId="2" fillId="0" borderId="0" xfId="0" applyFont="1" applyAlignment="1">
      <alignment horizontal="left"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49" fontId="3" fillId="7" borderId="1" xfId="0" applyNumberFormat="1" applyFont="1" applyFill="1" applyBorder="1" applyAlignment="1">
      <alignment horizontal="left" vertical="top" wrapText="1"/>
    </xf>
    <xf numFmtId="49" fontId="3" fillId="7" borderId="15" xfId="0" applyNumberFormat="1" applyFont="1" applyFill="1" applyBorder="1" applyAlignment="1">
      <alignment horizontal="left" vertical="top" wrapText="1"/>
    </xf>
    <xf numFmtId="49" fontId="3" fillId="7" borderId="13" xfId="0" applyNumberFormat="1" applyFont="1" applyFill="1" applyBorder="1" applyAlignment="1">
      <alignment horizontal="left" vertical="top" wrapText="1"/>
    </xf>
    <xf numFmtId="49" fontId="3" fillId="7" borderId="3" xfId="0" applyNumberFormat="1" applyFont="1" applyFill="1" applyBorder="1" applyAlignment="1">
      <alignment horizontal="left" vertical="top"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5"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4" fillId="0" borderId="0" xfId="0" applyFont="1" applyAlignment="1">
      <alignment horizontal="left" vertical="top" wrapText="1"/>
    </xf>
    <xf numFmtId="49" fontId="3" fillId="5" borderId="39" xfId="0" applyNumberFormat="1" applyFont="1" applyFill="1" applyBorder="1" applyAlignment="1">
      <alignment horizontal="left" vertical="center"/>
    </xf>
    <xf numFmtId="49" fontId="3" fillId="5" borderId="26" xfId="0" applyNumberFormat="1" applyFont="1" applyFill="1" applyBorder="1" applyAlignment="1">
      <alignment horizontal="left" vertical="center"/>
    </xf>
    <xf numFmtId="49" fontId="3" fillId="5" borderId="27" xfId="0" applyNumberFormat="1" applyFont="1" applyFill="1" applyBorder="1" applyAlignment="1">
      <alignment horizontal="left" vertical="center"/>
    </xf>
  </cellXfs>
  <cellStyles count="6">
    <cellStyle name="Normálna" xfId="0" builtinId="0"/>
    <cellStyle name="Normálna 2" xfId="2"/>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57</xdr:row>
          <xdr:rowOff>9525</xdr:rowOff>
        </xdr:from>
        <xdr:to>
          <xdr:col>0</xdr:col>
          <xdr:colOff>885825</xdr:colOff>
          <xdr:row>57</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58</xdr:row>
          <xdr:rowOff>0</xdr:rowOff>
        </xdr:from>
        <xdr:to>
          <xdr:col>0</xdr:col>
          <xdr:colOff>885825</xdr:colOff>
          <xdr:row>58</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81"/>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233"/>
  <sheetViews>
    <sheetView showGridLines="0" tabSelected="1" topLeftCell="A34" zoomScale="80" zoomScaleNormal="80" workbookViewId="0">
      <selection activeCell="H55" sqref="H55"/>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83" t="s">
        <v>39</v>
      </c>
      <c r="B1" s="183"/>
      <c r="C1" s="183"/>
      <c r="D1" s="183"/>
      <c r="E1" s="183"/>
    </row>
    <row r="2" spans="1:5" ht="27.75" customHeight="1" x14ac:dyDescent="0.2">
      <c r="A2" s="184" t="s">
        <v>38</v>
      </c>
      <c r="B2" s="184"/>
      <c r="C2" s="184"/>
      <c r="D2" s="184"/>
      <c r="E2" s="184"/>
    </row>
    <row r="3" spans="1:5" ht="54.75" customHeight="1" x14ac:dyDescent="0.2">
      <c r="A3" s="185" t="s">
        <v>43</v>
      </c>
      <c r="B3" s="185"/>
      <c r="C3" s="185"/>
      <c r="D3" s="185"/>
      <c r="E3" s="185"/>
    </row>
    <row r="4" spans="1:5" ht="24.95" customHeight="1" x14ac:dyDescent="0.2">
      <c r="A4" s="38" t="s">
        <v>42</v>
      </c>
      <c r="B4" s="39"/>
      <c r="C4" s="33"/>
      <c r="D4" s="33"/>
    </row>
    <row r="5" spans="1:5" ht="24.95" customHeight="1" x14ac:dyDescent="0.2">
      <c r="A5" s="38" t="s">
        <v>40</v>
      </c>
      <c r="B5" s="40"/>
      <c r="C5" s="33"/>
      <c r="D5" s="33"/>
    </row>
    <row r="6" spans="1:5" ht="5.0999999999999996" customHeight="1" x14ac:dyDescent="0.2">
      <c r="A6" s="33"/>
      <c r="B6" s="33"/>
      <c r="C6" s="33"/>
      <c r="D6" s="33"/>
    </row>
    <row r="7" spans="1:5" s="2" customFormat="1" ht="20.100000000000001" customHeight="1" x14ac:dyDescent="0.25">
      <c r="A7" s="155" t="s">
        <v>4</v>
      </c>
      <c r="B7" s="155"/>
      <c r="C7" s="155"/>
      <c r="D7" s="155"/>
      <c r="E7" s="155"/>
    </row>
    <row r="8" spans="1:5" s="2" customFormat="1" ht="20.100000000000001" customHeight="1" x14ac:dyDescent="0.25">
      <c r="A8" s="187" t="s">
        <v>7</v>
      </c>
      <c r="B8" s="187"/>
      <c r="C8" s="187"/>
      <c r="D8" s="187"/>
    </row>
    <row r="9" spans="1:5" ht="24.95" customHeight="1" x14ac:dyDescent="0.2">
      <c r="A9" s="188" t="s">
        <v>150</v>
      </c>
      <c r="B9" s="188"/>
      <c r="C9" s="188"/>
      <c r="D9" s="188"/>
    </row>
    <row r="10" spans="1:5" ht="4.5" customHeight="1" x14ac:dyDescent="0.2">
      <c r="A10" s="35"/>
      <c r="B10" s="35"/>
      <c r="C10" s="35"/>
      <c r="D10" s="35"/>
    </row>
    <row r="11" spans="1:5" s="2" customFormat="1" ht="20.100000000000001" customHeight="1" x14ac:dyDescent="0.25">
      <c r="A11" s="189" t="s">
        <v>8</v>
      </c>
      <c r="B11" s="189"/>
      <c r="C11" s="189"/>
      <c r="D11" s="189"/>
    </row>
    <row r="12" spans="1:5" s="2" customFormat="1" ht="20.100000000000001" customHeight="1" x14ac:dyDescent="0.25">
      <c r="A12" s="190" t="s">
        <v>218</v>
      </c>
      <c r="B12" s="190"/>
      <c r="C12" s="190"/>
      <c r="D12" s="43"/>
    </row>
    <row r="13" spans="1:5" s="2" customFormat="1" ht="20.100000000000001" customHeight="1" x14ac:dyDescent="0.25">
      <c r="A13" s="190" t="s">
        <v>219</v>
      </c>
      <c r="B13" s="190"/>
      <c r="C13" s="140"/>
      <c r="D13" s="138"/>
    </row>
    <row r="14" spans="1:5" s="2" customFormat="1" ht="20.100000000000001" customHeight="1" x14ac:dyDescent="0.25">
      <c r="A14" s="190" t="s">
        <v>220</v>
      </c>
      <c r="B14" s="190"/>
      <c r="C14" s="140"/>
      <c r="D14" s="138"/>
    </row>
    <row r="15" spans="1:5" s="3" customFormat="1" ht="20.100000000000001" customHeight="1" x14ac:dyDescent="0.25">
      <c r="A15" s="186" t="s">
        <v>82</v>
      </c>
      <c r="B15" s="186"/>
      <c r="C15" s="186"/>
      <c r="D15" s="16"/>
    </row>
    <row r="16" spans="1:5" ht="4.5" customHeight="1" x14ac:dyDescent="0.2">
      <c r="A16" s="44"/>
      <c r="B16" s="44"/>
      <c r="C16" s="44"/>
      <c r="D16" s="35"/>
    </row>
    <row r="17" spans="1:5" ht="20.100000000000001" customHeight="1" x14ac:dyDescent="0.2">
      <c r="A17" s="34" t="s">
        <v>9</v>
      </c>
      <c r="B17" s="17"/>
      <c r="C17" s="17"/>
      <c r="D17" s="18"/>
    </row>
    <row r="18" spans="1:5" s="3" customFormat="1" ht="24.95" customHeight="1" x14ac:dyDescent="0.25">
      <c r="A18" s="193" t="s">
        <v>46</v>
      </c>
      <c r="B18" s="193"/>
      <c r="C18" s="193"/>
      <c r="D18" s="16"/>
    </row>
    <row r="19" spans="1:5" ht="5.0999999999999996" customHeight="1" x14ac:dyDescent="0.2">
      <c r="A19" s="169"/>
      <c r="B19" s="169"/>
      <c r="C19" s="169"/>
    </row>
    <row r="20" spans="1:5" s="2" customFormat="1" ht="20.100000000000001" customHeight="1" x14ac:dyDescent="0.25">
      <c r="A20" s="155" t="s">
        <v>16</v>
      </c>
      <c r="B20" s="155"/>
      <c r="C20" s="155"/>
      <c r="D20" s="155"/>
      <c r="E20" s="155"/>
    </row>
    <row r="21" spans="1:5" ht="42.75" customHeight="1" x14ac:dyDescent="0.2">
      <c r="A21" s="188" t="s">
        <v>151</v>
      </c>
      <c r="B21" s="188"/>
      <c r="C21" s="188"/>
      <c r="D21" s="188"/>
      <c r="E21" s="188"/>
    </row>
    <row r="22" spans="1:5" ht="5.0999999999999996" customHeight="1" x14ac:dyDescent="0.2">
      <c r="A22" s="169"/>
      <c r="B22" s="169"/>
      <c r="C22" s="169"/>
    </row>
    <row r="23" spans="1:5" s="2" customFormat="1" ht="20.100000000000001" customHeight="1" x14ac:dyDescent="0.25">
      <c r="A23" s="155" t="s">
        <v>17</v>
      </c>
      <c r="B23" s="155"/>
      <c r="C23" s="155"/>
      <c r="D23" s="155"/>
      <c r="E23" s="155"/>
    </row>
    <row r="24" spans="1:5" s="9" customFormat="1" ht="20.100000000000001" customHeight="1" x14ac:dyDescent="0.25">
      <c r="A24" s="191" t="s">
        <v>5</v>
      </c>
      <c r="B24" s="191"/>
      <c r="C24" s="191"/>
      <c r="D24" s="191"/>
    </row>
    <row r="25" spans="1:5" s="9" customFormat="1" ht="20.100000000000001" customHeight="1" x14ac:dyDescent="0.25">
      <c r="A25" s="170" t="s">
        <v>13</v>
      </c>
      <c r="B25" s="171"/>
      <c r="C25" s="14"/>
      <c r="D25" s="14"/>
    </row>
    <row r="26" spans="1:5" s="9" customFormat="1" ht="20.100000000000001" customHeight="1" x14ac:dyDescent="0.25">
      <c r="A26" s="13"/>
      <c r="B26" s="13" t="s">
        <v>93</v>
      </c>
      <c r="C26" s="14"/>
      <c r="D26" s="14"/>
    </row>
    <row r="27" spans="1:5" s="9" customFormat="1" ht="20.100000000000001" customHeight="1" x14ac:dyDescent="0.25">
      <c r="A27" s="13"/>
      <c r="B27" s="13" t="s">
        <v>15</v>
      </c>
      <c r="C27" s="14"/>
      <c r="D27" s="14"/>
    </row>
    <row r="28" spans="1:5" s="9" customFormat="1" ht="20.100000000000001" customHeight="1" x14ac:dyDescent="0.25">
      <c r="A28" s="170" t="s">
        <v>80</v>
      </c>
      <c r="B28" s="171"/>
      <c r="C28" s="14"/>
      <c r="D28" s="14"/>
    </row>
    <row r="29" spans="1:5" s="2" customFormat="1" ht="33.75" customHeight="1" x14ac:dyDescent="0.25">
      <c r="A29" s="192" t="s">
        <v>94</v>
      </c>
      <c r="B29" s="192"/>
      <c r="C29" s="192"/>
      <c r="D29" s="192"/>
      <c r="E29" s="192"/>
    </row>
    <row r="30" spans="1:5" s="85" customFormat="1" ht="31.5" customHeight="1" x14ac:dyDescent="0.25">
      <c r="A30" s="91" t="s">
        <v>87</v>
      </c>
      <c r="B30" s="93" t="s">
        <v>88</v>
      </c>
      <c r="C30" s="94"/>
      <c r="D30" s="92" t="s">
        <v>89</v>
      </c>
      <c r="E30" s="92" t="s">
        <v>221</v>
      </c>
    </row>
    <row r="31" spans="1:5" s="85" customFormat="1" ht="27" customHeight="1" x14ac:dyDescent="0.25">
      <c r="A31" s="147" t="s">
        <v>225</v>
      </c>
      <c r="B31" s="148"/>
      <c r="C31" s="148"/>
      <c r="D31" s="148"/>
      <c r="E31" s="149"/>
    </row>
    <row r="32" spans="1:5" s="89" customFormat="1" ht="27" customHeight="1" x14ac:dyDescent="0.25">
      <c r="A32" s="96" t="s">
        <v>90</v>
      </c>
      <c r="B32" s="144" t="s">
        <v>158</v>
      </c>
      <c r="C32" s="144"/>
      <c r="D32" s="98" t="s">
        <v>1</v>
      </c>
      <c r="E32" s="99">
        <v>33</v>
      </c>
    </row>
    <row r="33" spans="1:5" s="124" customFormat="1" ht="27" customHeight="1" x14ac:dyDescent="0.25">
      <c r="A33" s="96" t="s">
        <v>91</v>
      </c>
      <c r="B33" s="137" t="s">
        <v>152</v>
      </c>
      <c r="C33" s="137"/>
      <c r="D33" s="98" t="s">
        <v>1</v>
      </c>
      <c r="E33" s="99">
        <v>33</v>
      </c>
    </row>
    <row r="34" spans="1:5" s="124" customFormat="1" ht="27" customHeight="1" x14ac:dyDescent="0.25">
      <c r="A34" s="96" t="s">
        <v>92</v>
      </c>
      <c r="B34" s="137" t="s">
        <v>159</v>
      </c>
      <c r="C34" s="137"/>
      <c r="D34" s="98" t="s">
        <v>1</v>
      </c>
      <c r="E34" s="99">
        <v>56</v>
      </c>
    </row>
    <row r="35" spans="1:5" s="124" customFormat="1" ht="27" customHeight="1" x14ac:dyDescent="0.25">
      <c r="A35" s="96" t="s">
        <v>155</v>
      </c>
      <c r="B35" s="137" t="s">
        <v>153</v>
      </c>
      <c r="C35" s="137"/>
      <c r="D35" s="98" t="s">
        <v>1</v>
      </c>
      <c r="E35" s="99">
        <v>105</v>
      </c>
    </row>
    <row r="36" spans="1:5" s="124" customFormat="1" ht="27" customHeight="1" x14ac:dyDescent="0.25">
      <c r="A36" s="96" t="s">
        <v>156</v>
      </c>
      <c r="B36" s="137" t="s">
        <v>154</v>
      </c>
      <c r="C36" s="137"/>
      <c r="D36" s="98" t="s">
        <v>1</v>
      </c>
      <c r="E36" s="99">
        <v>92</v>
      </c>
    </row>
    <row r="37" spans="1:5" s="2" customFormat="1" ht="21" customHeight="1" x14ac:dyDescent="0.25">
      <c r="A37" s="141" t="s">
        <v>160</v>
      </c>
      <c r="B37" s="100"/>
      <c r="C37" s="100"/>
      <c r="D37" s="129"/>
      <c r="E37" s="101">
        <f>SUM(E32:E36)</f>
        <v>319</v>
      </c>
    </row>
    <row r="38" spans="1:5" s="85" customFormat="1" ht="27" customHeight="1" x14ac:dyDescent="0.25">
      <c r="A38" s="147" t="s">
        <v>169</v>
      </c>
      <c r="B38" s="148"/>
      <c r="C38" s="148"/>
      <c r="D38" s="148"/>
      <c r="E38" s="149"/>
    </row>
    <row r="39" spans="1:5" s="89" customFormat="1" ht="27" customHeight="1" x14ac:dyDescent="0.25">
      <c r="A39" s="96" t="s">
        <v>90</v>
      </c>
      <c r="B39" s="144" t="s">
        <v>217</v>
      </c>
      <c r="C39" s="144"/>
      <c r="D39" s="90" t="s">
        <v>1</v>
      </c>
      <c r="E39" s="99">
        <v>10</v>
      </c>
    </row>
    <row r="40" spans="1:5" s="89" customFormat="1" ht="27" customHeight="1" x14ac:dyDescent="0.25">
      <c r="A40" s="96" t="s">
        <v>91</v>
      </c>
      <c r="B40" s="144" t="s">
        <v>153</v>
      </c>
      <c r="C40" s="144"/>
      <c r="D40" s="90" t="s">
        <v>1</v>
      </c>
      <c r="E40" s="99">
        <v>10</v>
      </c>
    </row>
    <row r="41" spans="1:5" s="2" customFormat="1" ht="27" customHeight="1" x14ac:dyDescent="0.25">
      <c r="A41" s="96" t="s">
        <v>92</v>
      </c>
      <c r="B41" s="144" t="s">
        <v>154</v>
      </c>
      <c r="C41" s="144"/>
      <c r="D41" s="90" t="s">
        <v>1</v>
      </c>
      <c r="E41" s="97">
        <v>10</v>
      </c>
    </row>
    <row r="42" spans="1:5" s="2" customFormat="1" ht="21" customHeight="1" x14ac:dyDescent="0.25">
      <c r="A42" s="141" t="s">
        <v>160</v>
      </c>
      <c r="B42" s="100"/>
      <c r="C42" s="100"/>
      <c r="D42" s="129" t="s">
        <v>160</v>
      </c>
      <c r="E42" s="101">
        <f>SUM(E39:E41)</f>
        <v>30</v>
      </c>
    </row>
    <row r="43" spans="1:5" s="85" customFormat="1" ht="27" customHeight="1" x14ac:dyDescent="0.25">
      <c r="A43" s="147" t="s">
        <v>173</v>
      </c>
      <c r="B43" s="148"/>
      <c r="C43" s="148"/>
      <c r="D43" s="148"/>
      <c r="E43" s="149"/>
    </row>
    <row r="44" spans="1:5" s="89" customFormat="1" ht="27" customHeight="1" x14ac:dyDescent="0.25">
      <c r="A44" s="96" t="s">
        <v>90</v>
      </c>
      <c r="B44" s="144" t="s">
        <v>168</v>
      </c>
      <c r="C44" s="144"/>
      <c r="D44" s="98" t="s">
        <v>1</v>
      </c>
      <c r="E44" s="99">
        <v>16</v>
      </c>
    </row>
    <row r="45" spans="1:5" s="124" customFormat="1" ht="27" customHeight="1" x14ac:dyDescent="0.25">
      <c r="A45" s="96" t="s">
        <v>91</v>
      </c>
      <c r="B45" s="144" t="s">
        <v>153</v>
      </c>
      <c r="C45" s="144"/>
      <c r="D45" s="98" t="s">
        <v>1</v>
      </c>
      <c r="E45" s="99">
        <v>16</v>
      </c>
    </row>
    <row r="46" spans="1:5" s="2" customFormat="1" ht="27" customHeight="1" x14ac:dyDescent="0.25">
      <c r="A46" s="96" t="s">
        <v>92</v>
      </c>
      <c r="B46" s="144" t="s">
        <v>154</v>
      </c>
      <c r="C46" s="144"/>
      <c r="D46" s="90" t="s">
        <v>1</v>
      </c>
      <c r="E46" s="97">
        <v>16</v>
      </c>
    </row>
    <row r="47" spans="1:5" s="2" customFormat="1" ht="20.25" customHeight="1" x14ac:dyDescent="0.25">
      <c r="A47" s="141" t="s">
        <v>160</v>
      </c>
      <c r="B47" s="100"/>
      <c r="C47" s="100"/>
      <c r="D47" s="129" t="s">
        <v>160</v>
      </c>
      <c r="E47" s="101">
        <f>SUM(E44:E46)</f>
        <v>48</v>
      </c>
    </row>
    <row r="48" spans="1:5" s="124" customFormat="1" ht="27" customHeight="1" x14ac:dyDescent="0.25">
      <c r="A48" s="147" t="s">
        <v>132</v>
      </c>
      <c r="B48" s="148"/>
      <c r="C48" s="148"/>
      <c r="D48" s="148"/>
      <c r="E48" s="149"/>
    </row>
    <row r="49" spans="1:5" s="124" customFormat="1" ht="27" customHeight="1" x14ac:dyDescent="0.25">
      <c r="A49" s="96" t="s">
        <v>90</v>
      </c>
      <c r="B49" s="144" t="s">
        <v>157</v>
      </c>
      <c r="C49" s="144"/>
      <c r="D49" s="98" t="s">
        <v>1</v>
      </c>
      <c r="E49" s="99">
        <v>43</v>
      </c>
    </row>
    <row r="50" spans="1:5" s="2" customFormat="1" ht="10.5" customHeight="1" x14ac:dyDescent="0.25">
      <c r="A50" s="96"/>
      <c r="B50" s="100"/>
      <c r="C50" s="100"/>
      <c r="D50" s="100"/>
      <c r="E50" s="101"/>
    </row>
    <row r="51" spans="1:5" s="85" customFormat="1" ht="27" customHeight="1" x14ac:dyDescent="0.25">
      <c r="A51" s="147" t="s">
        <v>171</v>
      </c>
      <c r="B51" s="148"/>
      <c r="C51" s="148"/>
      <c r="D51" s="148"/>
      <c r="E51" s="149"/>
    </row>
    <row r="52" spans="1:5" s="2" customFormat="1" ht="27" customHeight="1" x14ac:dyDescent="0.25">
      <c r="A52" s="96" t="s">
        <v>90</v>
      </c>
      <c r="B52" s="144" t="s">
        <v>168</v>
      </c>
      <c r="C52" s="144"/>
      <c r="D52" s="90" t="s">
        <v>1</v>
      </c>
      <c r="E52" s="97">
        <v>3</v>
      </c>
    </row>
    <row r="53" spans="1:5" s="2" customFormat="1" ht="27" customHeight="1" x14ac:dyDescent="0.25">
      <c r="A53" s="96" t="s">
        <v>91</v>
      </c>
      <c r="B53" s="144" t="s">
        <v>153</v>
      </c>
      <c r="C53" s="144"/>
      <c r="D53" s="90" t="s">
        <v>1</v>
      </c>
      <c r="E53" s="97">
        <v>3</v>
      </c>
    </row>
    <row r="54" spans="1:5" s="2" customFormat="1" ht="27" customHeight="1" x14ac:dyDescent="0.25">
      <c r="A54" s="96" t="s">
        <v>92</v>
      </c>
      <c r="B54" s="144" t="s">
        <v>154</v>
      </c>
      <c r="C54" s="144"/>
      <c r="D54" s="90" t="s">
        <v>1</v>
      </c>
      <c r="E54" s="97">
        <v>3</v>
      </c>
    </row>
    <row r="55" spans="1:5" s="2" customFormat="1" ht="27" customHeight="1" x14ac:dyDescent="0.25">
      <c r="A55" s="142" t="s">
        <v>160</v>
      </c>
      <c r="B55" s="139"/>
      <c r="C55" s="139"/>
      <c r="D55" s="95"/>
      <c r="E55" s="143">
        <f>SUM(E52:E54)</f>
        <v>9</v>
      </c>
    </row>
    <row r="56" spans="1:5" s="2" customFormat="1" ht="10.5" customHeight="1" x14ac:dyDescent="0.25">
      <c r="A56" s="100"/>
      <c r="B56" s="123"/>
      <c r="C56" s="123"/>
      <c r="D56" s="90"/>
      <c r="E56" s="128"/>
    </row>
    <row r="57" spans="1:5" s="9" customFormat="1" ht="10.5" customHeight="1" x14ac:dyDescent="0.25">
      <c r="A57" s="170" t="s">
        <v>14</v>
      </c>
      <c r="B57" s="170"/>
      <c r="C57" s="84"/>
      <c r="D57" s="84"/>
    </row>
    <row r="58" spans="1:5" s="9" customFormat="1" ht="27" customHeight="1" x14ac:dyDescent="0.2">
      <c r="A58" s="10"/>
      <c r="B58" s="9" t="s">
        <v>2</v>
      </c>
      <c r="C58" s="84"/>
      <c r="D58" s="84"/>
    </row>
    <row r="59" spans="1:5" s="9" customFormat="1" ht="27" customHeight="1" x14ac:dyDescent="0.25">
      <c r="A59" s="13"/>
      <c r="B59" s="2" t="s">
        <v>3</v>
      </c>
      <c r="C59" s="84"/>
      <c r="D59" s="84"/>
    </row>
    <row r="60" spans="1:5" ht="10.5" customHeight="1" x14ac:dyDescent="0.2"/>
    <row r="61" spans="1:5" s="2" customFormat="1" ht="20.100000000000001" customHeight="1" x14ac:dyDescent="0.25">
      <c r="A61" s="155" t="s">
        <v>18</v>
      </c>
      <c r="B61" s="155"/>
      <c r="C61" s="155"/>
      <c r="D61" s="155"/>
      <c r="E61" s="155"/>
    </row>
    <row r="62" spans="1:5" s="2" customFormat="1" ht="5.0999999999999996" customHeight="1" thickBot="1" x14ac:dyDescent="0.3">
      <c r="A62" s="15"/>
      <c r="C62" s="6"/>
      <c r="D62" s="6"/>
    </row>
    <row r="63" spans="1:5" s="3" customFormat="1" ht="99.75" customHeight="1" x14ac:dyDescent="0.25">
      <c r="A63" s="156" t="s">
        <v>0</v>
      </c>
      <c r="B63" s="157"/>
      <c r="C63" s="160" t="s">
        <v>19</v>
      </c>
      <c r="D63" s="161"/>
      <c r="E63" s="19"/>
    </row>
    <row r="64" spans="1:5" s="3" customFormat="1" ht="35.25" customHeight="1" thickBot="1" x14ac:dyDescent="0.3">
      <c r="A64" s="158"/>
      <c r="B64" s="159"/>
      <c r="C64" s="20" t="s">
        <v>20</v>
      </c>
      <c r="D64" s="63" t="s">
        <v>21</v>
      </c>
    </row>
    <row r="65" spans="1:4" s="21" customFormat="1" ht="30.75" customHeight="1" x14ac:dyDescent="0.25">
      <c r="A65" s="150" t="s">
        <v>223</v>
      </c>
      <c r="B65" s="151"/>
      <c r="C65" s="151"/>
      <c r="D65" s="152"/>
    </row>
    <row r="66" spans="1:4" s="4" customFormat="1" ht="29.25" customHeight="1" x14ac:dyDescent="0.25">
      <c r="A66" s="162" t="s">
        <v>161</v>
      </c>
      <c r="B66" s="146"/>
      <c r="C66" s="47"/>
      <c r="D66" s="70" t="s">
        <v>63</v>
      </c>
    </row>
    <row r="67" spans="1:4" s="4" customFormat="1" ht="96" customHeight="1" x14ac:dyDescent="0.25">
      <c r="A67" s="42" t="s">
        <v>11</v>
      </c>
      <c r="B67" s="41" t="s">
        <v>95</v>
      </c>
      <c r="C67" s="47"/>
      <c r="D67" s="55"/>
    </row>
    <row r="68" spans="1:4" s="4" customFormat="1" ht="43.5" customHeight="1" x14ac:dyDescent="0.25">
      <c r="A68" s="42" t="s">
        <v>47</v>
      </c>
      <c r="B68" s="41" t="s">
        <v>96</v>
      </c>
      <c r="C68" s="47"/>
      <c r="D68" s="55"/>
    </row>
    <row r="69" spans="1:4" s="4" customFormat="1" ht="30" customHeight="1" x14ac:dyDescent="0.25">
      <c r="A69" s="42" t="s">
        <v>78</v>
      </c>
      <c r="B69" s="41" t="s">
        <v>97</v>
      </c>
      <c r="C69" s="47"/>
      <c r="D69" s="55"/>
    </row>
    <row r="70" spans="1:4" s="4" customFormat="1" ht="30" customHeight="1" x14ac:dyDescent="0.25">
      <c r="A70" s="42" t="s">
        <v>79</v>
      </c>
      <c r="B70" s="41" t="s">
        <v>98</v>
      </c>
      <c r="C70" s="48"/>
      <c r="D70" s="56"/>
    </row>
    <row r="71" spans="1:4" s="4" customFormat="1" ht="30" customHeight="1" x14ac:dyDescent="0.25">
      <c r="A71" s="145" t="s">
        <v>99</v>
      </c>
      <c r="B71" s="146"/>
      <c r="C71" s="48"/>
      <c r="D71" s="55"/>
    </row>
    <row r="72" spans="1:4" s="4" customFormat="1" ht="30" customHeight="1" x14ac:dyDescent="0.25">
      <c r="A72" s="42" t="s">
        <v>101</v>
      </c>
      <c r="B72" s="64" t="s">
        <v>100</v>
      </c>
      <c r="C72" s="66"/>
      <c r="D72" s="55"/>
    </row>
    <row r="73" spans="1:4" s="4" customFormat="1" ht="30" customHeight="1" x14ac:dyDescent="0.25">
      <c r="A73" s="153" t="s">
        <v>162</v>
      </c>
      <c r="B73" s="154"/>
      <c r="C73" s="66"/>
      <c r="D73" s="55"/>
    </row>
    <row r="74" spans="1:4" s="4" customFormat="1" ht="70.5" customHeight="1" x14ac:dyDescent="0.25">
      <c r="A74" s="42" t="s">
        <v>11</v>
      </c>
      <c r="B74" s="64" t="s">
        <v>102</v>
      </c>
      <c r="C74" s="66"/>
      <c r="D74" s="55"/>
    </row>
    <row r="75" spans="1:4" s="4" customFormat="1" ht="56.25" customHeight="1" x14ac:dyDescent="0.25">
      <c r="A75" s="42" t="s">
        <v>47</v>
      </c>
      <c r="B75" s="121" t="s">
        <v>103</v>
      </c>
      <c r="C75" s="66"/>
      <c r="D75" s="55"/>
    </row>
    <row r="76" spans="1:4" s="4" customFormat="1" ht="30" customHeight="1" x14ac:dyDescent="0.25">
      <c r="A76" s="145" t="s">
        <v>104</v>
      </c>
      <c r="B76" s="146"/>
      <c r="C76" s="66"/>
      <c r="D76" s="55"/>
    </row>
    <row r="77" spans="1:4" s="4" customFormat="1" ht="30" customHeight="1" x14ac:dyDescent="0.25">
      <c r="A77" s="42" t="s">
        <v>11</v>
      </c>
      <c r="B77" s="67" t="s">
        <v>105</v>
      </c>
      <c r="C77" s="66"/>
      <c r="D77" s="55"/>
    </row>
    <row r="78" spans="1:4" s="4" customFormat="1" ht="29.25" customHeight="1" x14ac:dyDescent="0.25">
      <c r="A78" s="145" t="s">
        <v>106</v>
      </c>
      <c r="B78" s="146"/>
      <c r="C78" s="66"/>
      <c r="D78" s="55"/>
    </row>
    <row r="79" spans="1:4" s="4" customFormat="1" ht="29.25" customHeight="1" thickBot="1" x14ac:dyDescent="0.3">
      <c r="A79" s="42" t="s">
        <v>11</v>
      </c>
      <c r="B79" s="68" t="s">
        <v>107</v>
      </c>
      <c r="C79" s="66"/>
      <c r="D79" s="88"/>
    </row>
    <row r="80" spans="1:4" s="4" customFormat="1" ht="29.25" customHeight="1" x14ac:dyDescent="0.25">
      <c r="A80" s="162" t="s">
        <v>108</v>
      </c>
      <c r="B80" s="163"/>
      <c r="C80" s="66"/>
      <c r="D80" s="87"/>
    </row>
    <row r="81" spans="1:4" s="4" customFormat="1" ht="71.25" customHeight="1" x14ac:dyDescent="0.25">
      <c r="A81" s="42" t="s">
        <v>11</v>
      </c>
      <c r="B81" s="121" t="s">
        <v>147</v>
      </c>
      <c r="C81" s="66"/>
      <c r="D81" s="86"/>
    </row>
    <row r="82" spans="1:4" s="4" customFormat="1" ht="71.25" customHeight="1" x14ac:dyDescent="0.25">
      <c r="A82" s="42" t="s">
        <v>47</v>
      </c>
      <c r="B82" s="45" t="s">
        <v>163</v>
      </c>
      <c r="C82" s="47"/>
      <c r="D82" s="122"/>
    </row>
    <row r="83" spans="1:4" s="4" customFormat="1" ht="70.5" customHeight="1" thickBot="1" x14ac:dyDescent="0.3">
      <c r="A83" s="42" t="s">
        <v>48</v>
      </c>
      <c r="B83" s="45" t="s">
        <v>164</v>
      </c>
      <c r="C83" s="47"/>
      <c r="D83" s="55"/>
    </row>
    <row r="84" spans="1:4" s="4" customFormat="1" ht="29.25" customHeight="1" x14ac:dyDescent="0.25">
      <c r="A84" s="150" t="s">
        <v>169</v>
      </c>
      <c r="B84" s="151"/>
      <c r="C84" s="151"/>
      <c r="D84" s="152"/>
    </row>
    <row r="85" spans="1:4" s="4" customFormat="1" ht="29.25" customHeight="1" x14ac:dyDescent="0.25">
      <c r="A85" s="145" t="s">
        <v>165</v>
      </c>
      <c r="B85" s="146"/>
      <c r="C85" s="47"/>
      <c r="D85" s="122"/>
    </row>
    <row r="86" spans="1:4" s="4" customFormat="1" ht="108" customHeight="1" x14ac:dyDescent="0.25">
      <c r="A86" s="50" t="s">
        <v>11</v>
      </c>
      <c r="B86" s="45" t="s">
        <v>109</v>
      </c>
      <c r="C86" s="47"/>
      <c r="D86" s="55"/>
    </row>
    <row r="87" spans="1:4" s="4" customFormat="1" ht="44.25" customHeight="1" x14ac:dyDescent="0.25">
      <c r="A87" s="50" t="s">
        <v>47</v>
      </c>
      <c r="B87" s="45" t="s">
        <v>110</v>
      </c>
      <c r="C87" s="47"/>
      <c r="D87" s="55"/>
    </row>
    <row r="88" spans="1:4" s="4" customFormat="1" ht="29.25" customHeight="1" x14ac:dyDescent="0.25">
      <c r="A88" s="50" t="s">
        <v>48</v>
      </c>
      <c r="B88" s="45" t="s">
        <v>111</v>
      </c>
      <c r="C88" s="47"/>
      <c r="D88" s="55"/>
    </row>
    <row r="89" spans="1:4" s="4" customFormat="1" ht="42.75" customHeight="1" x14ac:dyDescent="0.25">
      <c r="A89" s="50" t="s">
        <v>49</v>
      </c>
      <c r="B89" s="45" t="s">
        <v>112</v>
      </c>
      <c r="C89" s="47"/>
      <c r="D89" s="55"/>
    </row>
    <row r="90" spans="1:4" s="4" customFormat="1" ht="29.25" customHeight="1" x14ac:dyDescent="0.25">
      <c r="A90" s="50" t="s">
        <v>50</v>
      </c>
      <c r="B90" s="45" t="s">
        <v>113</v>
      </c>
      <c r="C90" s="47"/>
      <c r="D90" s="55"/>
    </row>
    <row r="91" spans="1:4" s="4" customFormat="1" ht="29.25" customHeight="1" x14ac:dyDescent="0.25">
      <c r="A91" s="145" t="s">
        <v>114</v>
      </c>
      <c r="B91" s="146"/>
      <c r="C91" s="47"/>
      <c r="D91" s="55"/>
    </row>
    <row r="92" spans="1:4" s="4" customFormat="1" ht="29.25" customHeight="1" x14ac:dyDescent="0.25">
      <c r="A92" s="50" t="s">
        <v>11</v>
      </c>
      <c r="B92" s="45" t="s">
        <v>105</v>
      </c>
      <c r="C92" s="47"/>
      <c r="D92" s="55"/>
    </row>
    <row r="93" spans="1:4" s="4" customFormat="1" ht="29.25" customHeight="1" x14ac:dyDescent="0.25">
      <c r="A93" s="145" t="s">
        <v>115</v>
      </c>
      <c r="B93" s="146"/>
      <c r="C93" s="47"/>
      <c r="D93" s="55"/>
    </row>
    <row r="94" spans="1:4" s="4" customFormat="1" ht="29.25" customHeight="1" x14ac:dyDescent="0.25">
      <c r="A94" s="50" t="s">
        <v>101</v>
      </c>
      <c r="B94" s="45" t="s">
        <v>107</v>
      </c>
      <c r="C94" s="47"/>
      <c r="D94" s="55"/>
    </row>
    <row r="95" spans="1:4" s="4" customFormat="1" ht="29.25" customHeight="1" x14ac:dyDescent="0.25">
      <c r="A95" s="162" t="s">
        <v>108</v>
      </c>
      <c r="B95" s="163"/>
      <c r="C95" s="47"/>
      <c r="D95" s="55"/>
    </row>
    <row r="96" spans="1:4" s="4" customFormat="1" ht="72.75" customHeight="1" x14ac:dyDescent="0.25">
      <c r="A96" s="50" t="s">
        <v>11</v>
      </c>
      <c r="B96" s="41" t="s">
        <v>142</v>
      </c>
      <c r="C96" s="47"/>
      <c r="D96" s="55"/>
    </row>
    <row r="97" spans="1:4" s="4" customFormat="1" ht="69.75" customHeight="1" x14ac:dyDescent="0.25">
      <c r="A97" s="50" t="s">
        <v>47</v>
      </c>
      <c r="B97" s="51" t="s">
        <v>143</v>
      </c>
      <c r="C97" s="52"/>
      <c r="D97" s="70"/>
    </row>
    <row r="98" spans="1:4" s="4" customFormat="1" ht="72" customHeight="1" x14ac:dyDescent="0.25">
      <c r="A98" s="50" t="s">
        <v>48</v>
      </c>
      <c r="B98" s="51" t="s">
        <v>137</v>
      </c>
      <c r="C98" s="53"/>
      <c r="D98" s="71"/>
    </row>
    <row r="99" spans="1:4" s="4" customFormat="1" ht="29.25" customHeight="1" x14ac:dyDescent="0.25">
      <c r="A99" s="164" t="s">
        <v>170</v>
      </c>
      <c r="B99" s="165"/>
      <c r="C99" s="165"/>
      <c r="D99" s="166"/>
    </row>
    <row r="100" spans="1:4" s="4" customFormat="1" ht="29.25" customHeight="1" x14ac:dyDescent="0.25">
      <c r="A100" s="145" t="s">
        <v>133</v>
      </c>
      <c r="B100" s="146"/>
      <c r="C100" s="47"/>
      <c r="D100" s="55"/>
    </row>
    <row r="101" spans="1:4" s="4" customFormat="1" ht="29.25" customHeight="1" x14ac:dyDescent="0.25">
      <c r="A101" s="50" t="s">
        <v>11</v>
      </c>
      <c r="B101" s="45" t="s">
        <v>116</v>
      </c>
      <c r="C101" s="47"/>
      <c r="D101" s="55"/>
    </row>
    <row r="102" spans="1:4" s="4" customFormat="1" ht="29.25" customHeight="1" x14ac:dyDescent="0.25">
      <c r="A102" s="50" t="s">
        <v>47</v>
      </c>
      <c r="B102" s="45" t="s">
        <v>117</v>
      </c>
      <c r="C102" s="47"/>
      <c r="D102" s="55"/>
    </row>
    <row r="103" spans="1:4" s="4" customFormat="1" ht="29.25" customHeight="1" x14ac:dyDescent="0.25">
      <c r="A103" s="50" t="s">
        <v>48</v>
      </c>
      <c r="B103" s="45" t="s">
        <v>118</v>
      </c>
      <c r="C103" s="47"/>
      <c r="D103" s="55"/>
    </row>
    <row r="104" spans="1:4" s="4" customFormat="1" ht="29.25" customHeight="1" x14ac:dyDescent="0.25">
      <c r="A104" s="50" t="s">
        <v>49</v>
      </c>
      <c r="B104" s="45" t="s">
        <v>119</v>
      </c>
      <c r="C104" s="47"/>
      <c r="D104" s="55"/>
    </row>
    <row r="105" spans="1:4" s="4" customFormat="1" ht="29.25" customHeight="1" x14ac:dyDescent="0.25">
      <c r="A105" s="69" t="s">
        <v>69</v>
      </c>
      <c r="B105" s="45" t="s">
        <v>120</v>
      </c>
      <c r="C105" s="47"/>
      <c r="D105" s="55"/>
    </row>
    <row r="106" spans="1:4" s="4" customFormat="1" ht="29.25" customHeight="1" x14ac:dyDescent="0.25">
      <c r="A106" s="69" t="s">
        <v>70</v>
      </c>
      <c r="B106" s="45" t="s">
        <v>121</v>
      </c>
      <c r="C106" s="47"/>
      <c r="D106" s="55"/>
    </row>
    <row r="107" spans="1:4" s="4" customFormat="1" ht="29.25" customHeight="1" x14ac:dyDescent="0.25">
      <c r="A107" s="69" t="s">
        <v>71</v>
      </c>
      <c r="B107" s="45" t="s">
        <v>122</v>
      </c>
      <c r="C107" s="47"/>
      <c r="D107" s="55"/>
    </row>
    <row r="108" spans="1:4" s="4" customFormat="1" ht="29.25" customHeight="1" x14ac:dyDescent="0.25">
      <c r="A108" s="126" t="s">
        <v>72</v>
      </c>
      <c r="B108" s="45" t="s">
        <v>123</v>
      </c>
      <c r="C108" s="47"/>
      <c r="D108" s="55"/>
    </row>
    <row r="109" spans="1:4" s="4" customFormat="1" ht="29.25" customHeight="1" x14ac:dyDescent="0.25">
      <c r="A109" s="126" t="s">
        <v>50</v>
      </c>
      <c r="B109" s="45" t="s">
        <v>124</v>
      </c>
      <c r="C109" s="47"/>
      <c r="D109" s="55"/>
    </row>
    <row r="110" spans="1:4" s="4" customFormat="1" ht="29.25" customHeight="1" x14ac:dyDescent="0.25">
      <c r="A110" s="145" t="s">
        <v>125</v>
      </c>
      <c r="B110" s="146"/>
      <c r="C110" s="48"/>
      <c r="D110" s="56"/>
    </row>
    <row r="111" spans="1:4" s="4" customFormat="1" ht="29.25" customHeight="1" x14ac:dyDescent="0.25">
      <c r="A111" s="42" t="s">
        <v>11</v>
      </c>
      <c r="B111" s="41" t="s">
        <v>126</v>
      </c>
      <c r="C111" s="47"/>
      <c r="D111" s="55"/>
    </row>
    <row r="112" spans="1:4" s="4" customFormat="1" ht="29.25" customHeight="1" x14ac:dyDescent="0.25">
      <c r="A112" s="145" t="s">
        <v>127</v>
      </c>
      <c r="B112" s="146"/>
      <c r="C112" s="49"/>
      <c r="D112" s="57"/>
    </row>
    <row r="113" spans="1:4" s="4" customFormat="1" ht="29.25" customHeight="1" x14ac:dyDescent="0.25">
      <c r="A113" s="42" t="s">
        <v>11</v>
      </c>
      <c r="B113" s="45" t="s">
        <v>128</v>
      </c>
      <c r="C113" s="47"/>
      <c r="D113" s="55"/>
    </row>
    <row r="114" spans="1:4" s="4" customFormat="1" ht="29.25" customHeight="1" x14ac:dyDescent="0.25">
      <c r="A114" s="42" t="s">
        <v>47</v>
      </c>
      <c r="B114" s="125" t="s">
        <v>129</v>
      </c>
      <c r="C114" s="47"/>
      <c r="D114" s="70"/>
    </row>
    <row r="115" spans="1:4" s="4" customFormat="1" ht="29.25" customHeight="1" x14ac:dyDescent="0.25">
      <c r="A115" s="127" t="s">
        <v>48</v>
      </c>
      <c r="B115" s="41" t="s">
        <v>130</v>
      </c>
      <c r="C115" s="47"/>
      <c r="D115" s="55"/>
    </row>
    <row r="116" spans="1:4" s="4" customFormat="1" ht="29.25" customHeight="1" x14ac:dyDescent="0.25">
      <c r="A116" s="42" t="s">
        <v>49</v>
      </c>
      <c r="B116" s="41" t="s">
        <v>131</v>
      </c>
      <c r="C116" s="47"/>
      <c r="D116" s="55"/>
    </row>
    <row r="117" spans="1:4" s="4" customFormat="1" ht="30" customHeight="1" x14ac:dyDescent="0.25">
      <c r="A117" s="162" t="s">
        <v>108</v>
      </c>
      <c r="B117" s="163"/>
      <c r="C117" s="65"/>
      <c r="D117" s="55"/>
    </row>
    <row r="118" spans="1:4" s="4" customFormat="1" ht="69.75" customHeight="1" thickBot="1" x14ac:dyDescent="0.3">
      <c r="A118" s="42" t="s">
        <v>11</v>
      </c>
      <c r="B118" s="41" t="s">
        <v>142</v>
      </c>
      <c r="C118" s="72"/>
      <c r="D118" s="55"/>
    </row>
    <row r="119" spans="1:4" s="4" customFormat="1" ht="84.75" customHeight="1" x14ac:dyDescent="0.25">
      <c r="A119" s="42" t="s">
        <v>47</v>
      </c>
      <c r="B119" s="45" t="s">
        <v>166</v>
      </c>
      <c r="C119" s="47"/>
      <c r="D119" s="55"/>
    </row>
    <row r="120" spans="1:4" s="4" customFormat="1" ht="75.75" customHeight="1" x14ac:dyDescent="0.25">
      <c r="A120" s="42" t="s">
        <v>48</v>
      </c>
      <c r="B120" s="45" t="s">
        <v>167</v>
      </c>
      <c r="C120" s="47"/>
      <c r="D120" s="55"/>
    </row>
    <row r="121" spans="1:4" s="4" customFormat="1" ht="30" customHeight="1" x14ac:dyDescent="0.25">
      <c r="A121" s="194" t="s">
        <v>132</v>
      </c>
      <c r="B121" s="195"/>
      <c r="C121" s="195"/>
      <c r="D121" s="196"/>
    </row>
    <row r="122" spans="1:4" s="4" customFormat="1" ht="30" customHeight="1" x14ac:dyDescent="0.25">
      <c r="A122" s="145" t="s">
        <v>133</v>
      </c>
      <c r="B122" s="146"/>
      <c r="C122" s="47"/>
      <c r="D122" s="55"/>
    </row>
    <row r="123" spans="1:4" s="4" customFormat="1" ht="68.25" customHeight="1" x14ac:dyDescent="0.25">
      <c r="A123" s="50" t="s">
        <v>11</v>
      </c>
      <c r="B123" s="41" t="s">
        <v>134</v>
      </c>
      <c r="C123" s="47"/>
      <c r="D123" s="55"/>
    </row>
    <row r="124" spans="1:4" s="4" customFormat="1" ht="45.75" customHeight="1" x14ac:dyDescent="0.25">
      <c r="A124" s="50" t="s">
        <v>47</v>
      </c>
      <c r="B124" s="41" t="s">
        <v>135</v>
      </c>
      <c r="C124" s="47"/>
      <c r="D124" s="55"/>
    </row>
    <row r="125" spans="1:4" s="4" customFormat="1" ht="30" customHeight="1" x14ac:dyDescent="0.25">
      <c r="A125" s="162" t="s">
        <v>108</v>
      </c>
      <c r="B125" s="163"/>
      <c r="C125" s="47"/>
      <c r="D125" s="55"/>
    </row>
    <row r="126" spans="1:4" s="4" customFormat="1" ht="69.75" customHeight="1" x14ac:dyDescent="0.25">
      <c r="A126" s="50" t="s">
        <v>11</v>
      </c>
      <c r="B126" s="41" t="s">
        <v>136</v>
      </c>
      <c r="C126" s="47"/>
      <c r="D126" s="55"/>
    </row>
    <row r="127" spans="1:4" s="4" customFormat="1" ht="86.25" customHeight="1" x14ac:dyDescent="0.25">
      <c r="A127" s="50" t="s">
        <v>47</v>
      </c>
      <c r="B127" s="41" t="s">
        <v>174</v>
      </c>
      <c r="C127" s="47"/>
      <c r="D127" s="55"/>
    </row>
    <row r="128" spans="1:4" s="4" customFormat="1" ht="75" customHeight="1" x14ac:dyDescent="0.25">
      <c r="A128" s="50" t="s">
        <v>48</v>
      </c>
      <c r="B128" s="41" t="s">
        <v>137</v>
      </c>
      <c r="C128" s="47"/>
      <c r="D128" s="55"/>
    </row>
    <row r="129" spans="1:4" s="4" customFormat="1" ht="30" customHeight="1" x14ac:dyDescent="0.25">
      <c r="A129" s="164" t="s">
        <v>222</v>
      </c>
      <c r="B129" s="165"/>
      <c r="C129" s="165"/>
      <c r="D129" s="166"/>
    </row>
    <row r="130" spans="1:4" s="4" customFormat="1" ht="30" customHeight="1" x14ac:dyDescent="0.25">
      <c r="A130" s="145" t="s">
        <v>133</v>
      </c>
      <c r="B130" s="146"/>
      <c r="C130" s="47"/>
      <c r="D130" s="55"/>
    </row>
    <row r="131" spans="1:4" s="4" customFormat="1" ht="67.5" customHeight="1" x14ac:dyDescent="0.25">
      <c r="A131" s="50" t="s">
        <v>11</v>
      </c>
      <c r="B131" s="41" t="s">
        <v>139</v>
      </c>
      <c r="C131" s="47"/>
      <c r="D131" s="55"/>
    </row>
    <row r="132" spans="1:4" s="4" customFormat="1" ht="40.5" customHeight="1" x14ac:dyDescent="0.25">
      <c r="A132" s="50" t="s">
        <v>47</v>
      </c>
      <c r="B132" s="41" t="s">
        <v>140</v>
      </c>
      <c r="C132" s="47"/>
      <c r="D132" s="55"/>
    </row>
    <row r="133" spans="1:4" s="4" customFormat="1" ht="30" customHeight="1" x14ac:dyDescent="0.25">
      <c r="A133" s="162" t="s">
        <v>108</v>
      </c>
      <c r="B133" s="163"/>
      <c r="C133" s="47"/>
      <c r="D133" s="55"/>
    </row>
    <row r="134" spans="1:4" s="4" customFormat="1" ht="73.5" customHeight="1" x14ac:dyDescent="0.25">
      <c r="A134" s="50" t="s">
        <v>11</v>
      </c>
      <c r="B134" s="41" t="s">
        <v>142</v>
      </c>
      <c r="C134" s="47"/>
      <c r="D134" s="55"/>
    </row>
    <row r="135" spans="1:4" s="4" customFormat="1" ht="82.5" customHeight="1" x14ac:dyDescent="0.25">
      <c r="A135" s="50" t="s">
        <v>47</v>
      </c>
      <c r="B135" s="41" t="s">
        <v>172</v>
      </c>
      <c r="C135" s="47"/>
      <c r="D135" s="55"/>
    </row>
    <row r="136" spans="1:4" s="4" customFormat="1" ht="65.25" customHeight="1" x14ac:dyDescent="0.25">
      <c r="A136" s="50" t="s">
        <v>48</v>
      </c>
      <c r="B136" s="41" t="s">
        <v>137</v>
      </c>
      <c r="C136" s="47"/>
      <c r="D136" s="55"/>
    </row>
    <row r="137" spans="1:4" s="4" customFormat="1" ht="30" customHeight="1" x14ac:dyDescent="0.25">
      <c r="A137" s="164" t="s">
        <v>138</v>
      </c>
      <c r="B137" s="165"/>
      <c r="C137" s="165"/>
      <c r="D137" s="166"/>
    </row>
    <row r="138" spans="1:4" s="4" customFormat="1" ht="30" customHeight="1" x14ac:dyDescent="0.25">
      <c r="A138" s="145" t="s">
        <v>144</v>
      </c>
      <c r="B138" s="146"/>
      <c r="C138" s="47"/>
      <c r="D138" s="55"/>
    </row>
    <row r="139" spans="1:4" s="4" customFormat="1" ht="75.75" customHeight="1" x14ac:dyDescent="0.25">
      <c r="A139" s="50" t="s">
        <v>11</v>
      </c>
      <c r="B139" s="41" t="s">
        <v>145</v>
      </c>
      <c r="C139" s="47"/>
      <c r="D139" s="55"/>
    </row>
    <row r="140" spans="1:4" s="4" customFormat="1" ht="53.25" customHeight="1" x14ac:dyDescent="0.25">
      <c r="A140" s="50" t="s">
        <v>47</v>
      </c>
      <c r="B140" s="41" t="s">
        <v>140</v>
      </c>
      <c r="C140" s="47"/>
      <c r="D140" s="55"/>
    </row>
    <row r="141" spans="1:4" s="4" customFormat="1" ht="30" customHeight="1" x14ac:dyDescent="0.25">
      <c r="A141" s="145" t="s">
        <v>114</v>
      </c>
      <c r="B141" s="146"/>
      <c r="C141" s="47"/>
      <c r="D141" s="55"/>
    </row>
    <row r="142" spans="1:4" s="4" customFormat="1" ht="30" customHeight="1" x14ac:dyDescent="0.25">
      <c r="A142" s="50" t="s">
        <v>11</v>
      </c>
      <c r="B142" s="41" t="s">
        <v>141</v>
      </c>
      <c r="C142" s="47"/>
      <c r="D142" s="55"/>
    </row>
    <row r="143" spans="1:4" s="4" customFormat="1" ht="30" customHeight="1" x14ac:dyDescent="0.25">
      <c r="A143" s="145" t="s">
        <v>115</v>
      </c>
      <c r="B143" s="146"/>
      <c r="C143" s="47"/>
      <c r="D143" s="55"/>
    </row>
    <row r="144" spans="1:4" s="4" customFormat="1" ht="30" customHeight="1" x14ac:dyDescent="0.25">
      <c r="A144" s="50" t="s">
        <v>11</v>
      </c>
      <c r="B144" s="45" t="s">
        <v>107</v>
      </c>
      <c r="C144" s="47"/>
      <c r="D144" s="55"/>
    </row>
    <row r="145" spans="1:4" s="4" customFormat="1" ht="30" customHeight="1" x14ac:dyDescent="0.25">
      <c r="A145" s="167" t="s">
        <v>146</v>
      </c>
      <c r="B145" s="168"/>
      <c r="C145" s="47"/>
      <c r="D145" s="55"/>
    </row>
    <row r="146" spans="1:4" s="4" customFormat="1" ht="72.75" customHeight="1" x14ac:dyDescent="0.25">
      <c r="A146" s="50" t="s">
        <v>11</v>
      </c>
      <c r="B146" s="45" t="s">
        <v>147</v>
      </c>
      <c r="C146" s="47"/>
      <c r="D146" s="55"/>
    </row>
    <row r="147" spans="1:4" s="4" customFormat="1" ht="74.25" customHeight="1" x14ac:dyDescent="0.25">
      <c r="A147" s="50" t="s">
        <v>149</v>
      </c>
      <c r="B147" s="45" t="s">
        <v>148</v>
      </c>
      <c r="C147" s="47"/>
      <c r="D147" s="55"/>
    </row>
    <row r="148" spans="1:4" s="4" customFormat="1" ht="66.75" customHeight="1" x14ac:dyDescent="0.25">
      <c r="A148" s="42" t="s">
        <v>78</v>
      </c>
      <c r="B148" s="41" t="s">
        <v>137</v>
      </c>
      <c r="C148" s="47"/>
      <c r="D148" s="55"/>
    </row>
    <row r="149" spans="1:4" s="3" customFormat="1" ht="6.75" customHeight="1" x14ac:dyDescent="0.25">
      <c r="A149" s="5"/>
      <c r="B149" s="5"/>
      <c r="C149" s="7"/>
      <c r="D149" s="7"/>
    </row>
    <row r="150" spans="1:4" s="2" customFormat="1" ht="20.100000000000001" customHeight="1" x14ac:dyDescent="0.25">
      <c r="A150" s="155" t="s">
        <v>85</v>
      </c>
      <c r="B150" s="155" t="s">
        <v>84</v>
      </c>
      <c r="C150" s="155"/>
      <c r="D150" s="155"/>
    </row>
    <row r="151" spans="1:4" s="2" customFormat="1" ht="5.0999999999999996" customHeight="1" thickBot="1" x14ac:dyDescent="0.3">
      <c r="A151" s="15"/>
      <c r="C151" s="82"/>
      <c r="D151" s="82"/>
    </row>
    <row r="152" spans="1:4" s="3" customFormat="1" ht="69" customHeight="1" x14ac:dyDescent="0.25">
      <c r="A152" s="156" t="s">
        <v>86</v>
      </c>
      <c r="B152" s="157"/>
      <c r="C152" s="160" t="s">
        <v>22</v>
      </c>
      <c r="D152" s="161"/>
    </row>
    <row r="153" spans="1:4" s="3" customFormat="1" ht="35.25" customHeight="1" thickBot="1" x14ac:dyDescent="0.3">
      <c r="A153" s="158"/>
      <c r="B153" s="159"/>
      <c r="C153" s="20" t="s">
        <v>6</v>
      </c>
      <c r="D153" s="63" t="s">
        <v>23</v>
      </c>
    </row>
    <row r="154" spans="1:4" s="2" customFormat="1" ht="56.25" customHeight="1" x14ac:dyDescent="0.25">
      <c r="A154" s="73" t="s">
        <v>11</v>
      </c>
      <c r="B154" s="102" t="s">
        <v>224</v>
      </c>
      <c r="C154" s="47"/>
      <c r="D154" s="62"/>
    </row>
    <row r="155" spans="1:4" s="2" customFormat="1" ht="59.25" customHeight="1" x14ac:dyDescent="0.25">
      <c r="A155" s="46" t="s">
        <v>47</v>
      </c>
      <c r="B155" s="23" t="s">
        <v>175</v>
      </c>
      <c r="C155" s="47"/>
      <c r="D155" s="62"/>
    </row>
    <row r="156" spans="1:4" s="2" customFormat="1" ht="29.1" customHeight="1" x14ac:dyDescent="0.25">
      <c r="A156" s="119" t="s">
        <v>48</v>
      </c>
      <c r="B156" s="103" t="s">
        <v>176</v>
      </c>
      <c r="C156" s="47"/>
      <c r="D156" s="62"/>
    </row>
    <row r="157" spans="1:4" s="2" customFormat="1" ht="29.1" customHeight="1" x14ac:dyDescent="0.25">
      <c r="A157" s="118" t="s">
        <v>73</v>
      </c>
      <c r="B157" s="104" t="s">
        <v>177</v>
      </c>
      <c r="C157" s="47"/>
      <c r="D157" s="62"/>
    </row>
    <row r="158" spans="1:4" s="2" customFormat="1" ht="29.1" customHeight="1" x14ac:dyDescent="0.25">
      <c r="A158" s="117" t="s">
        <v>74</v>
      </c>
      <c r="B158" s="105" t="s">
        <v>178</v>
      </c>
      <c r="C158" s="47"/>
      <c r="D158" s="62"/>
    </row>
    <row r="159" spans="1:4" s="2" customFormat="1" ht="29.1" customHeight="1" x14ac:dyDescent="0.25">
      <c r="A159" s="116" t="s">
        <v>75</v>
      </c>
      <c r="B159" s="106" t="s">
        <v>179</v>
      </c>
      <c r="C159" s="47"/>
      <c r="D159" s="62"/>
    </row>
    <row r="160" spans="1:4" s="2" customFormat="1" ht="42" customHeight="1" x14ac:dyDescent="0.25">
      <c r="A160" s="117" t="s">
        <v>76</v>
      </c>
      <c r="B160" s="106" t="s">
        <v>180</v>
      </c>
      <c r="C160" s="47"/>
      <c r="D160" s="62"/>
    </row>
    <row r="161" spans="1:4" s="2" customFormat="1" ht="121.5" customHeight="1" x14ac:dyDescent="0.25">
      <c r="A161" s="115" t="s">
        <v>77</v>
      </c>
      <c r="B161" s="107" t="s">
        <v>181</v>
      </c>
      <c r="C161" s="47"/>
      <c r="D161" s="62"/>
    </row>
    <row r="162" spans="1:4" s="2" customFormat="1" ht="107.25" customHeight="1" x14ac:dyDescent="0.25">
      <c r="A162" s="46" t="s">
        <v>49</v>
      </c>
      <c r="B162" s="120" t="s">
        <v>182</v>
      </c>
      <c r="C162" s="47"/>
      <c r="D162" s="62"/>
    </row>
    <row r="163" spans="1:4" s="2" customFormat="1" ht="43.5" customHeight="1" x14ac:dyDescent="0.25">
      <c r="A163" s="46" t="s">
        <v>50</v>
      </c>
      <c r="B163" s="120" t="s">
        <v>183</v>
      </c>
      <c r="C163" s="47"/>
      <c r="D163" s="62"/>
    </row>
    <row r="164" spans="1:4" s="2" customFormat="1" ht="44.25" customHeight="1" x14ac:dyDescent="0.25">
      <c r="A164" s="46" t="s">
        <v>51</v>
      </c>
      <c r="B164" s="23" t="s">
        <v>184</v>
      </c>
      <c r="C164" s="47"/>
      <c r="D164" s="62"/>
    </row>
    <row r="165" spans="1:4" s="2" customFormat="1" ht="57.75" customHeight="1" x14ac:dyDescent="0.25">
      <c r="A165" s="46" t="s">
        <v>52</v>
      </c>
      <c r="B165" s="23" t="s">
        <v>185</v>
      </c>
      <c r="C165" s="47"/>
      <c r="D165" s="62"/>
    </row>
    <row r="166" spans="1:4" s="2" customFormat="1" ht="72" customHeight="1" x14ac:dyDescent="0.25">
      <c r="A166" s="46" t="s">
        <v>53</v>
      </c>
      <c r="B166" s="108" t="s">
        <v>186</v>
      </c>
      <c r="C166" s="47"/>
      <c r="D166" s="62"/>
    </row>
    <row r="167" spans="1:4" s="2" customFormat="1" ht="84" customHeight="1" x14ac:dyDescent="0.25">
      <c r="A167" s="46" t="s">
        <v>54</v>
      </c>
      <c r="B167" s="109" t="s">
        <v>187</v>
      </c>
      <c r="C167" s="47"/>
      <c r="D167" s="62"/>
    </row>
    <row r="168" spans="1:4" s="2" customFormat="1" ht="29.1" customHeight="1" x14ac:dyDescent="0.25">
      <c r="A168" s="130" t="s">
        <v>55</v>
      </c>
      <c r="B168" s="103" t="s">
        <v>188</v>
      </c>
      <c r="C168" s="47"/>
      <c r="D168" s="62"/>
    </row>
    <row r="169" spans="1:4" s="2" customFormat="1" ht="35.25" customHeight="1" x14ac:dyDescent="0.25">
      <c r="A169" s="131"/>
      <c r="B169" s="106" t="s">
        <v>189</v>
      </c>
      <c r="C169" s="47"/>
      <c r="D169" s="62"/>
    </row>
    <row r="170" spans="1:4" s="2" customFormat="1" ht="58.5" customHeight="1" x14ac:dyDescent="0.25">
      <c r="A170" s="131"/>
      <c r="B170" s="110" t="s">
        <v>190</v>
      </c>
      <c r="C170" s="47"/>
      <c r="D170" s="62"/>
    </row>
    <row r="171" spans="1:4" s="2" customFormat="1" ht="29.1" customHeight="1" x14ac:dyDescent="0.25">
      <c r="A171" s="131"/>
      <c r="B171" s="105" t="s">
        <v>191</v>
      </c>
      <c r="C171" s="47"/>
      <c r="D171" s="62"/>
    </row>
    <row r="172" spans="1:4" s="2" customFormat="1" ht="35.25" customHeight="1" x14ac:dyDescent="0.25">
      <c r="A172" s="131"/>
      <c r="B172" s="106" t="s">
        <v>192</v>
      </c>
      <c r="C172" s="47"/>
      <c r="D172" s="62"/>
    </row>
    <row r="173" spans="1:4" s="2" customFormat="1" ht="59.25" customHeight="1" x14ac:dyDescent="0.25">
      <c r="A173" s="131"/>
      <c r="B173" s="106" t="s">
        <v>193</v>
      </c>
      <c r="C173" s="47"/>
      <c r="D173" s="62"/>
    </row>
    <row r="174" spans="1:4" s="2" customFormat="1" ht="56.25" customHeight="1" x14ac:dyDescent="0.25">
      <c r="A174" s="132"/>
      <c r="B174" s="107" t="s">
        <v>194</v>
      </c>
      <c r="C174" s="47"/>
      <c r="D174" s="62"/>
    </row>
    <row r="175" spans="1:4" s="2" customFormat="1" ht="118.5" customHeight="1" x14ac:dyDescent="0.25">
      <c r="A175" s="46" t="s">
        <v>56</v>
      </c>
      <c r="B175" s="111" t="s">
        <v>195</v>
      </c>
      <c r="C175" s="47"/>
      <c r="D175" s="62"/>
    </row>
    <row r="176" spans="1:4" s="2" customFormat="1" ht="144" customHeight="1" x14ac:dyDescent="0.25">
      <c r="A176" s="46" t="s">
        <v>57</v>
      </c>
      <c r="B176" s="23" t="s">
        <v>196</v>
      </c>
      <c r="C176" s="47"/>
      <c r="D176" s="62"/>
    </row>
    <row r="177" spans="1:5" s="2" customFormat="1" ht="138" customHeight="1" x14ac:dyDescent="0.25">
      <c r="A177" s="46" t="s">
        <v>58</v>
      </c>
      <c r="B177" s="109" t="s">
        <v>197</v>
      </c>
      <c r="C177" s="47"/>
      <c r="D177" s="62"/>
    </row>
    <row r="178" spans="1:5" s="2" customFormat="1" ht="123.75" customHeight="1" x14ac:dyDescent="0.25">
      <c r="A178" s="112" t="s">
        <v>208</v>
      </c>
      <c r="B178" s="23" t="s">
        <v>198</v>
      </c>
      <c r="C178" s="47"/>
      <c r="D178" s="62"/>
    </row>
    <row r="179" spans="1:5" s="2" customFormat="1" ht="109.5" customHeight="1" x14ac:dyDescent="0.25">
      <c r="A179" s="46" t="s">
        <v>59</v>
      </c>
      <c r="B179" s="23" t="s">
        <v>199</v>
      </c>
      <c r="C179" s="47"/>
      <c r="D179" s="62"/>
    </row>
    <row r="180" spans="1:5" s="2" customFormat="1" ht="38.25" customHeight="1" x14ac:dyDescent="0.25">
      <c r="A180" s="46" t="s">
        <v>60</v>
      </c>
      <c r="B180" s="23" t="s">
        <v>200</v>
      </c>
      <c r="C180" s="47"/>
      <c r="D180" s="62"/>
    </row>
    <row r="181" spans="1:5" s="2" customFormat="1" ht="74.25" customHeight="1" x14ac:dyDescent="0.25">
      <c r="A181" s="113" t="s">
        <v>61</v>
      </c>
      <c r="B181" s="111" t="s">
        <v>201</v>
      </c>
      <c r="C181" s="47"/>
      <c r="D181" s="62"/>
    </row>
    <row r="182" spans="1:5" s="2" customFormat="1" ht="90" customHeight="1" x14ac:dyDescent="0.25">
      <c r="A182" s="113" t="s">
        <v>62</v>
      </c>
      <c r="B182" s="23" t="s">
        <v>202</v>
      </c>
      <c r="C182" s="47"/>
      <c r="D182" s="62"/>
    </row>
    <row r="183" spans="1:5" s="2" customFormat="1" ht="215.25" customHeight="1" x14ac:dyDescent="0.25">
      <c r="A183" s="113" t="s">
        <v>64</v>
      </c>
      <c r="B183" s="114" t="s">
        <v>203</v>
      </c>
      <c r="C183" s="47"/>
      <c r="D183" s="62"/>
    </row>
    <row r="184" spans="1:5" s="2" customFormat="1" ht="99.75" customHeight="1" x14ac:dyDescent="0.25">
      <c r="A184" s="113" t="s">
        <v>65</v>
      </c>
      <c r="B184" s="23" t="s">
        <v>204</v>
      </c>
      <c r="C184" s="47"/>
      <c r="D184" s="62"/>
    </row>
    <row r="185" spans="1:5" s="2" customFormat="1" ht="122.25" customHeight="1" x14ac:dyDescent="0.25">
      <c r="A185" s="113" t="s">
        <v>66</v>
      </c>
      <c r="B185" s="23" t="s">
        <v>205</v>
      </c>
      <c r="C185" s="47"/>
      <c r="D185" s="62"/>
    </row>
    <row r="186" spans="1:5" s="2" customFormat="1" ht="110.25" customHeight="1" x14ac:dyDescent="0.25">
      <c r="A186" s="113" t="s">
        <v>67</v>
      </c>
      <c r="B186" s="23" t="s">
        <v>206</v>
      </c>
      <c r="C186" s="47"/>
      <c r="D186" s="62"/>
    </row>
    <row r="187" spans="1:5" s="3" customFormat="1" ht="47.25" customHeight="1" x14ac:dyDescent="0.25">
      <c r="A187" s="113" t="s">
        <v>209</v>
      </c>
      <c r="B187" s="23" t="s">
        <v>207</v>
      </c>
      <c r="C187" s="47"/>
      <c r="D187" s="62"/>
      <c r="E187" s="2"/>
    </row>
    <row r="188" spans="1:5" s="3" customFormat="1" ht="6.75" customHeight="1" x14ac:dyDescent="0.25">
      <c r="A188" s="133"/>
      <c r="B188" s="134"/>
      <c r="C188" s="7"/>
      <c r="D188" s="7"/>
      <c r="E188" s="2"/>
    </row>
    <row r="189" spans="1:5" s="2" customFormat="1" ht="20.100000000000001" customHeight="1" x14ac:dyDescent="0.25">
      <c r="A189" s="155" t="s">
        <v>44</v>
      </c>
      <c r="B189" s="155"/>
      <c r="C189" s="155"/>
      <c r="D189" s="155"/>
    </row>
    <row r="190" spans="1:5" s="2" customFormat="1" ht="4.5" customHeight="1" thickBot="1" x14ac:dyDescent="0.3"/>
    <row r="191" spans="1:5" s="2" customFormat="1" ht="87" customHeight="1" x14ac:dyDescent="0.25">
      <c r="A191" s="179" t="s">
        <v>210</v>
      </c>
      <c r="B191" s="180"/>
      <c r="C191" s="160" t="s">
        <v>45</v>
      </c>
      <c r="D191" s="161"/>
    </row>
    <row r="192" spans="1:5" s="3" customFormat="1" ht="29.25" customHeight="1" thickBot="1" x14ac:dyDescent="0.3">
      <c r="A192" s="181"/>
      <c r="B192" s="182"/>
      <c r="C192" s="20" t="s">
        <v>6</v>
      </c>
      <c r="D192" s="63" t="s">
        <v>23</v>
      </c>
      <c r="E192" s="2"/>
    </row>
    <row r="193" spans="1:5" s="3" customFormat="1" ht="33.75" customHeight="1" x14ac:dyDescent="0.25">
      <c r="A193" s="73" t="s">
        <v>11</v>
      </c>
      <c r="B193" s="74" t="s">
        <v>211</v>
      </c>
      <c r="C193" s="37"/>
      <c r="D193" s="76"/>
      <c r="E193" s="2"/>
    </row>
    <row r="194" spans="1:5" s="3" customFormat="1" ht="58.5" customHeight="1" x14ac:dyDescent="0.25">
      <c r="A194" s="79" t="s">
        <v>47</v>
      </c>
      <c r="B194" s="83" t="s">
        <v>83</v>
      </c>
      <c r="C194" s="54"/>
      <c r="D194" s="80"/>
      <c r="E194" s="2"/>
    </row>
    <row r="195" spans="1:5" s="3" customFormat="1" ht="45" customHeight="1" x14ac:dyDescent="0.25">
      <c r="A195" s="132"/>
      <c r="B195" s="61" t="s">
        <v>68</v>
      </c>
      <c r="C195" s="54"/>
      <c r="D195" s="80"/>
      <c r="E195" s="2"/>
    </row>
    <row r="196" spans="1:5" s="3" customFormat="1" ht="98.25" customHeight="1" x14ac:dyDescent="0.25">
      <c r="A196" s="46" t="s">
        <v>48</v>
      </c>
      <c r="B196" s="61" t="s">
        <v>212</v>
      </c>
      <c r="C196" s="54"/>
      <c r="D196" s="77"/>
      <c r="E196" s="2"/>
    </row>
    <row r="197" spans="1:5" s="3" customFormat="1" ht="50.25" customHeight="1" x14ac:dyDescent="0.25">
      <c r="A197" s="46" t="s">
        <v>49</v>
      </c>
      <c r="B197" s="61" t="s">
        <v>213</v>
      </c>
      <c r="C197" s="54"/>
      <c r="D197" s="136"/>
      <c r="E197" s="2"/>
    </row>
    <row r="198" spans="1:5" s="3" customFormat="1" ht="185.25" customHeight="1" x14ac:dyDescent="0.25">
      <c r="A198" s="46" t="s">
        <v>214</v>
      </c>
      <c r="B198" s="91" t="s">
        <v>215</v>
      </c>
      <c r="C198" s="54"/>
      <c r="D198" s="136"/>
      <c r="E198" s="2"/>
    </row>
    <row r="199" spans="1:5" s="3" customFormat="1" ht="73.5" customHeight="1" thickBot="1" x14ac:dyDescent="0.3">
      <c r="A199" s="75" t="s">
        <v>51</v>
      </c>
      <c r="B199" s="135" t="s">
        <v>216</v>
      </c>
      <c r="C199" s="36"/>
      <c r="D199" s="78"/>
      <c r="E199" s="2"/>
    </row>
    <row r="200" spans="1:5" s="2" customFormat="1" ht="5.0999999999999996" customHeight="1" x14ac:dyDescent="0.25">
      <c r="A200" s="5"/>
      <c r="B200" s="5"/>
      <c r="C200" s="7"/>
      <c r="D200" s="7"/>
    </row>
    <row r="201" spans="1:5" s="2" customFormat="1" ht="20.100000000000001" customHeight="1" x14ac:dyDescent="0.25">
      <c r="A201" s="155" t="s">
        <v>10</v>
      </c>
      <c r="B201" s="155"/>
      <c r="C201" s="155"/>
      <c r="D201" s="155"/>
    </row>
    <row r="202" spans="1:5" s="3" customFormat="1" ht="30" customHeight="1" x14ac:dyDescent="0.25">
      <c r="A202" s="22" t="s">
        <v>12</v>
      </c>
      <c r="B202" s="173" t="s">
        <v>81</v>
      </c>
      <c r="C202" s="173"/>
      <c r="D202" s="173"/>
      <c r="E202" s="2"/>
    </row>
    <row r="203" spans="1:5" s="25" customFormat="1" ht="30" customHeight="1" x14ac:dyDescent="0.25">
      <c r="A203" s="22" t="s">
        <v>24</v>
      </c>
      <c r="B203" s="173" t="s">
        <v>25</v>
      </c>
      <c r="C203" s="173"/>
      <c r="D203" s="173"/>
      <c r="E203" s="2"/>
    </row>
    <row r="204" spans="1:5" s="25" customFormat="1" ht="30" customHeight="1" x14ac:dyDescent="0.25">
      <c r="A204" s="174" t="s">
        <v>26</v>
      </c>
      <c r="B204" s="174"/>
      <c r="C204" s="174"/>
      <c r="D204" s="174"/>
      <c r="E204" s="2"/>
    </row>
    <row r="205" spans="1:5" s="2" customFormat="1" ht="24.95" customHeight="1" x14ac:dyDescent="0.2">
      <c r="A205" s="24" t="s">
        <v>27</v>
      </c>
      <c r="B205" s="176"/>
      <c r="C205" s="176"/>
    </row>
    <row r="206" spans="1:5" s="2" customFormat="1" ht="24.95" customHeight="1" x14ac:dyDescent="0.2">
      <c r="A206" s="24" t="s">
        <v>28</v>
      </c>
      <c r="B206" s="177"/>
      <c r="C206" s="177"/>
    </row>
    <row r="207" spans="1:5" s="2" customFormat="1" ht="24.95" customHeight="1" x14ac:dyDescent="0.25">
      <c r="A207" s="24" t="s">
        <v>29</v>
      </c>
      <c r="B207" s="178"/>
      <c r="C207" s="178"/>
    </row>
    <row r="208" spans="1:5" s="3" customFormat="1" ht="24.95" customHeight="1" x14ac:dyDescent="0.25">
      <c r="A208" s="24" t="s">
        <v>30</v>
      </c>
      <c r="B208" s="178"/>
      <c r="C208" s="178"/>
      <c r="D208" s="2"/>
      <c r="E208" s="2"/>
    </row>
    <row r="209" spans="1:4" s="2" customFormat="1" ht="14.25" customHeight="1" x14ac:dyDescent="0.2">
      <c r="A209" s="11"/>
      <c r="B209" s="12"/>
      <c r="C209" s="12"/>
    </row>
    <row r="210" spans="1:4" s="3" customFormat="1" ht="15" customHeight="1" x14ac:dyDescent="0.25">
      <c r="A210" s="175" t="s">
        <v>31</v>
      </c>
      <c r="B210" s="175"/>
      <c r="C210" s="175"/>
      <c r="D210" s="175"/>
    </row>
    <row r="211" spans="1:4" s="2" customFormat="1" ht="36.75" customHeight="1" x14ac:dyDescent="0.25">
      <c r="A211" s="172" t="s">
        <v>41</v>
      </c>
      <c r="B211" s="172"/>
      <c r="C211" s="172"/>
      <c r="D211" s="172"/>
    </row>
    <row r="212" spans="1:4" s="2" customFormat="1" ht="20.100000000000001" customHeight="1" x14ac:dyDescent="0.2">
      <c r="A212" s="1"/>
      <c r="B212" s="1"/>
      <c r="C212" s="8"/>
      <c r="D212" s="8"/>
    </row>
    <row r="213" spans="1:4" s="3" customFormat="1" ht="4.5" customHeight="1" x14ac:dyDescent="0.2">
      <c r="A213" s="1"/>
      <c r="B213" s="1"/>
      <c r="C213" s="8"/>
      <c r="D213" s="8"/>
    </row>
    <row r="214" spans="1:4" s="3" customFormat="1" ht="20.100000000000001" customHeight="1" x14ac:dyDescent="0.25">
      <c r="A214" s="26" t="s">
        <v>32</v>
      </c>
      <c r="B214" s="27"/>
      <c r="C214" s="28" t="s">
        <v>33</v>
      </c>
      <c r="D214" s="58"/>
    </row>
    <row r="215" spans="1:4" s="3" customFormat="1" ht="20.100000000000001" customHeight="1" x14ac:dyDescent="0.25">
      <c r="A215" s="29"/>
      <c r="B215" s="29"/>
      <c r="C215" s="29"/>
      <c r="D215" s="30"/>
    </row>
    <row r="216" spans="1:4" ht="20.100000000000001" customHeight="1" x14ac:dyDescent="0.2">
      <c r="A216" s="26" t="s">
        <v>34</v>
      </c>
      <c r="B216" s="27"/>
      <c r="C216" s="31" t="s">
        <v>35</v>
      </c>
      <c r="D216" s="59"/>
    </row>
    <row r="217" spans="1:4" s="2" customFormat="1" ht="20.100000000000001" customHeight="1" x14ac:dyDescent="0.2">
      <c r="A217" s="1"/>
      <c r="B217" s="1"/>
      <c r="C217" s="31" t="s">
        <v>36</v>
      </c>
      <c r="D217" s="60"/>
    </row>
    <row r="218" spans="1:4" s="2" customFormat="1" ht="20.100000000000001" customHeight="1" x14ac:dyDescent="0.2">
      <c r="A218" s="1"/>
      <c r="B218" s="1"/>
      <c r="C218" s="32" t="s">
        <v>37</v>
      </c>
      <c r="D218" s="1"/>
    </row>
    <row r="219" spans="1:4" s="2" customFormat="1" ht="37.5" customHeight="1" x14ac:dyDescent="0.25"/>
    <row r="220" spans="1:4" s="2" customFormat="1" ht="24" customHeight="1" x14ac:dyDescent="0.25"/>
    <row r="221" spans="1:4" s="2" customFormat="1" ht="24" customHeight="1" x14ac:dyDescent="0.25"/>
    <row r="222" spans="1:4" s="2" customFormat="1" ht="24" customHeight="1" x14ac:dyDescent="0.25"/>
    <row r="223" spans="1:4" s="2" customFormat="1" ht="20.100000000000001" customHeight="1" x14ac:dyDescent="0.25"/>
    <row r="224" spans="1:4" s="2" customFormat="1" ht="20.100000000000001" customHeight="1" x14ac:dyDescent="0.25"/>
    <row r="225" spans="1:4" s="2" customFormat="1" ht="50.1" customHeight="1" x14ac:dyDescent="0.25"/>
    <row r="226" spans="1:4" s="2" customFormat="1" ht="43.5" customHeight="1" x14ac:dyDescent="0.25"/>
    <row r="227" spans="1:4" ht="24.75" customHeight="1" x14ac:dyDescent="0.2">
      <c r="A227" s="2"/>
      <c r="B227" s="2"/>
      <c r="C227" s="2"/>
      <c r="D227" s="2"/>
    </row>
    <row r="228" spans="1:4" x14ac:dyDescent="0.2">
      <c r="A228" s="2"/>
      <c r="B228" s="2"/>
      <c r="C228" s="2"/>
      <c r="D228" s="2"/>
    </row>
    <row r="229" spans="1:4" ht="20.100000000000001" customHeight="1" x14ac:dyDescent="0.2"/>
    <row r="230" spans="1:4" ht="4.5" customHeight="1" x14ac:dyDescent="0.2"/>
    <row r="231" spans="1:4" ht="20.100000000000001" customHeight="1" x14ac:dyDescent="0.2"/>
    <row r="232" spans="1:4" ht="20.100000000000001" customHeight="1" x14ac:dyDescent="0.2"/>
    <row r="233" spans="1:4" ht="20.100000000000001" customHeight="1" x14ac:dyDescent="0.2"/>
  </sheetData>
  <mergeCells count="85">
    <mergeCell ref="A61:E61"/>
    <mergeCell ref="A65:D65"/>
    <mergeCell ref="A57:B57"/>
    <mergeCell ref="A71:B71"/>
    <mergeCell ref="A133:B133"/>
    <mergeCell ref="A125:B125"/>
    <mergeCell ref="A129:D129"/>
    <mergeCell ref="A130:B130"/>
    <mergeCell ref="A99:D99"/>
    <mergeCell ref="A100:B100"/>
    <mergeCell ref="A110:B110"/>
    <mergeCell ref="A112:B112"/>
    <mergeCell ref="A117:B117"/>
    <mergeCell ref="A121:D121"/>
    <mergeCell ref="A122:B122"/>
    <mergeCell ref="C63:D63"/>
    <mergeCell ref="B46:C46"/>
    <mergeCell ref="A51:E51"/>
    <mergeCell ref="B52:C52"/>
    <mergeCell ref="B44:C44"/>
    <mergeCell ref="A13:B13"/>
    <mergeCell ref="A14:B14"/>
    <mergeCell ref="A21:E21"/>
    <mergeCell ref="A38:E38"/>
    <mergeCell ref="A24:D24"/>
    <mergeCell ref="A22:C22"/>
    <mergeCell ref="A23:E23"/>
    <mergeCell ref="B32:C32"/>
    <mergeCell ref="A29:E29"/>
    <mergeCell ref="A31:E31"/>
    <mergeCell ref="A20:E20"/>
    <mergeCell ref="A18:C18"/>
    <mergeCell ref="A7:E7"/>
    <mergeCell ref="A1:E1"/>
    <mergeCell ref="A2:E2"/>
    <mergeCell ref="A3:E3"/>
    <mergeCell ref="A15:C15"/>
    <mergeCell ref="A8:D8"/>
    <mergeCell ref="A9:D9"/>
    <mergeCell ref="A11:D11"/>
    <mergeCell ref="A12:C12"/>
    <mergeCell ref="A19:C19"/>
    <mergeCell ref="A25:B25"/>
    <mergeCell ref="A28:B28"/>
    <mergeCell ref="A211:D211"/>
    <mergeCell ref="A201:D201"/>
    <mergeCell ref="B202:D202"/>
    <mergeCell ref="B203:D203"/>
    <mergeCell ref="A204:D204"/>
    <mergeCell ref="A210:D210"/>
    <mergeCell ref="B205:C205"/>
    <mergeCell ref="B206:C206"/>
    <mergeCell ref="B207:C207"/>
    <mergeCell ref="B208:C208"/>
    <mergeCell ref="A189:D189"/>
    <mergeCell ref="A191:B192"/>
    <mergeCell ref="C191:D191"/>
    <mergeCell ref="A150:D150"/>
    <mergeCell ref="A152:B153"/>
    <mergeCell ref="C152:D152"/>
    <mergeCell ref="A66:B66"/>
    <mergeCell ref="A63:B64"/>
    <mergeCell ref="A80:B80"/>
    <mergeCell ref="A137:D137"/>
    <mergeCell ref="A138:B138"/>
    <mergeCell ref="A141:B141"/>
    <mergeCell ref="A143:B143"/>
    <mergeCell ref="A145:B145"/>
    <mergeCell ref="A95:B95"/>
    <mergeCell ref="B39:C39"/>
    <mergeCell ref="B40:C40"/>
    <mergeCell ref="B41:C41"/>
    <mergeCell ref="A93:B93"/>
    <mergeCell ref="B45:C45"/>
    <mergeCell ref="B49:C49"/>
    <mergeCell ref="A48:E48"/>
    <mergeCell ref="B53:C53"/>
    <mergeCell ref="B54:C54"/>
    <mergeCell ref="A78:B78"/>
    <mergeCell ref="A84:D84"/>
    <mergeCell ref="A73:B73"/>
    <mergeCell ref="A76:B76"/>
    <mergeCell ref="A85:B85"/>
    <mergeCell ref="A91:B91"/>
    <mergeCell ref="A43:E43"/>
  </mergeCells>
  <conditionalFormatting sqref="C97:C98 C138:C148 C171:C187 C130:C136">
    <cfRule type="containsBlanks" dxfId="29" priority="59">
      <formula>LEN(TRIM(C97))=0</formula>
    </cfRule>
  </conditionalFormatting>
  <conditionalFormatting sqref="D216">
    <cfRule type="containsBlanks" dxfId="28" priority="58">
      <formula>LEN(TRIM(D216))=0</formula>
    </cfRule>
  </conditionalFormatting>
  <conditionalFormatting sqref="B214">
    <cfRule type="containsBlanks" dxfId="27" priority="56">
      <formula>LEN(TRIM(B214))=0</formula>
    </cfRule>
  </conditionalFormatting>
  <conditionalFormatting sqref="D217">
    <cfRule type="containsBlanks" dxfId="26" priority="57">
      <formula>LEN(TRIM(D217))=0</formula>
    </cfRule>
  </conditionalFormatting>
  <conditionalFormatting sqref="B216">
    <cfRule type="containsBlanks" dxfId="25" priority="55">
      <formula>LEN(TRIM(B216))=0</formula>
    </cfRule>
  </conditionalFormatting>
  <conditionalFormatting sqref="B4:B5">
    <cfRule type="containsBlanks" dxfId="24" priority="54">
      <formula>LEN(TRIM(B4))=0</formula>
    </cfRule>
  </conditionalFormatting>
  <conditionalFormatting sqref="C66:C67">
    <cfRule type="containsBlanks" dxfId="23" priority="53">
      <formula>LEN(TRIM(C66))=0</formula>
    </cfRule>
  </conditionalFormatting>
  <conditionalFormatting sqref="C68">
    <cfRule type="containsBlanks" dxfId="22" priority="52">
      <formula>LEN(TRIM(C68))=0</formula>
    </cfRule>
  </conditionalFormatting>
  <conditionalFormatting sqref="C193:C198">
    <cfRule type="containsBlanks" dxfId="21" priority="48">
      <formula>LEN(TRIM(C193))=0</formula>
    </cfRule>
  </conditionalFormatting>
  <conditionalFormatting sqref="C199">
    <cfRule type="containsBlanks" dxfId="20" priority="47">
      <formula>LEN(TRIM(C199))=0</formula>
    </cfRule>
  </conditionalFormatting>
  <conditionalFormatting sqref="B207:C207">
    <cfRule type="containsBlanks" dxfId="19" priority="44">
      <formula>LEN(TRIM(B207))=0</formula>
    </cfRule>
  </conditionalFormatting>
  <conditionalFormatting sqref="C69">
    <cfRule type="containsBlanks" dxfId="18" priority="30">
      <formula>LEN(TRIM(C69))=0</formula>
    </cfRule>
  </conditionalFormatting>
  <conditionalFormatting sqref="C82:C83 C85:C94">
    <cfRule type="containsBlanks" dxfId="17" priority="29">
      <formula>LEN(TRIM(C82))=0</formula>
    </cfRule>
  </conditionalFormatting>
  <conditionalFormatting sqref="C95">
    <cfRule type="containsBlanks" dxfId="16" priority="28">
      <formula>LEN(TRIM(C95))=0</formula>
    </cfRule>
  </conditionalFormatting>
  <conditionalFormatting sqref="C96">
    <cfRule type="containsBlanks" dxfId="15" priority="27">
      <formula>LEN(TRIM(C96))=0</formula>
    </cfRule>
  </conditionalFormatting>
  <conditionalFormatting sqref="C70">
    <cfRule type="containsBlanks" dxfId="14" priority="26">
      <formula>LEN(TRIM(C70))=0</formula>
    </cfRule>
  </conditionalFormatting>
  <conditionalFormatting sqref="C100:C106">
    <cfRule type="containsBlanks" dxfId="13" priority="24">
      <formula>LEN(TRIM(C100))=0</formula>
    </cfRule>
  </conditionalFormatting>
  <conditionalFormatting sqref="C107">
    <cfRule type="containsBlanks" dxfId="12" priority="23">
      <formula>LEN(TRIM(C107))=0</formula>
    </cfRule>
  </conditionalFormatting>
  <conditionalFormatting sqref="C108">
    <cfRule type="containsBlanks" dxfId="11" priority="22">
      <formula>LEN(TRIM(C108))=0</formula>
    </cfRule>
  </conditionalFormatting>
  <conditionalFormatting sqref="C109 C119:C120 C113:C114 C122:C128">
    <cfRule type="containsBlanks" dxfId="10" priority="21">
      <formula>LEN(TRIM(C109))=0</formula>
    </cfRule>
  </conditionalFormatting>
  <conditionalFormatting sqref="C110">
    <cfRule type="containsBlanks" dxfId="9" priority="19">
      <formula>LEN(TRIM(C110))=0</formula>
    </cfRule>
  </conditionalFormatting>
  <conditionalFormatting sqref="C112">
    <cfRule type="containsBlanks" dxfId="8" priority="18">
      <formula>LEN(TRIM(C112))=0</formula>
    </cfRule>
  </conditionalFormatting>
  <conditionalFormatting sqref="C118">
    <cfRule type="containsBlanks" dxfId="7" priority="16">
      <formula>LEN(TRIM(C118))=0</formula>
    </cfRule>
  </conditionalFormatting>
  <conditionalFormatting sqref="C154:C162">
    <cfRule type="containsBlanks" dxfId="6" priority="12">
      <formula>LEN(TRIM(C154))=0</formula>
    </cfRule>
  </conditionalFormatting>
  <conditionalFormatting sqref="C163:C166">
    <cfRule type="containsBlanks" dxfId="5" priority="11">
      <formula>LEN(TRIM(C163))=0</formula>
    </cfRule>
  </conditionalFormatting>
  <conditionalFormatting sqref="C167:C170">
    <cfRule type="containsBlanks" dxfId="4" priority="10">
      <formula>LEN(TRIM(C167))=0</formula>
    </cfRule>
  </conditionalFormatting>
  <conditionalFormatting sqref="C71:C81">
    <cfRule type="containsBlanks" dxfId="3" priority="8">
      <formula>LEN(TRIM(C71))=0</formula>
    </cfRule>
  </conditionalFormatting>
  <conditionalFormatting sqref="C116:C117">
    <cfRule type="containsBlanks" dxfId="2" priority="1">
      <formula>LEN(TRIM(C116))=0</formula>
    </cfRule>
  </conditionalFormatting>
  <conditionalFormatting sqref="C111">
    <cfRule type="containsBlanks" dxfId="1" priority="5">
      <formula>LEN(TRIM(C111))=0</formula>
    </cfRule>
  </conditionalFormatting>
  <conditionalFormatting sqref="C115">
    <cfRule type="containsBlanks" dxfId="0" priority="4">
      <formula>LEN(TRIM(C115))=0</formula>
    </cfRule>
  </conditionalFormatting>
  <printOptions horizontalCentered="1"/>
  <pageMargins left="0.70866141732283472" right="0.70866141732283472" top="0.90625" bottom="0.74803149606299213" header="0.31496062992125984" footer="0.31496062992125984"/>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57</xdr:row>
                    <xdr:rowOff>9525</xdr:rowOff>
                  </from>
                  <to>
                    <xdr:col>0</xdr:col>
                    <xdr:colOff>885825</xdr:colOff>
                    <xdr:row>57</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58</xdr:row>
                    <xdr:rowOff>0</xdr:rowOff>
                  </from>
                  <to>
                    <xdr:col>0</xdr:col>
                    <xdr:colOff>885825</xdr:colOff>
                    <xdr:row>58</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0-17T09:43:58Z</cp:lastPrinted>
  <dcterms:created xsi:type="dcterms:W3CDTF">2017-04-21T05:51:15Z</dcterms:created>
  <dcterms:modified xsi:type="dcterms:W3CDTF">2022-11-07T13:21:44Z</dcterms:modified>
</cp:coreProperties>
</file>